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vml" ContentType="application/vnd.openxmlformats-officedocument.vmlDrawing"/>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externalLinks/externalLink1.xml" ContentType="application/vnd.openxmlformats-officedocument.spreadsheetml.externalLink+xml"/>
  <Override PartName="/xl/externalLinks/externalLink2.xml" ContentType="application/vnd.openxmlformats-officedocument.spreadsheetml.externalLink+xml"/>
  <Override PartName="/xl/externalLinks/externalLink3.xml" ContentType="application/vnd.openxmlformats-officedocument.spreadsheetml.externalLink+xml"/>
  <Override PartName="/xl/externalLinks/externalLink4.xml" ContentType="application/vnd.openxmlformats-officedocument.spreadsheetml.externalLink+xml"/>
  <Override PartName="/xl/externalLinks/externalLink5.xml" ContentType="application/vnd.openxmlformats-officedocument.spreadsheetml.externalLink+xml"/>
  <Override PartName="/xl/externalLinks/externalLink6.xml" ContentType="application/vnd.openxmlformats-officedocument.spreadsheetml.externalLink+xml"/>
  <Override PartName="/xl/externalLinks/externalLink7.xml" ContentType="application/vnd.openxmlformats-officedocument.spreadsheetml.externalLink+xml"/>
  <Override PartName="/xl/externalLinks/externalLink8.xml" ContentType="application/vnd.openxmlformats-officedocument.spreadsheetml.externalLink+xml"/>
  <Override PartName="/xl/externalLinks/externalLink9.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omments1.xml" ContentType="application/vnd.openxmlformats-officedocument.spreadsheetml.comment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6" rupBuild="29127"/>
  <workbookPr filterPrivacy="1" codeName="ThisWorkbook" defaultThemeVersion="124226"/>
  <xr:revisionPtr revIDLastSave="0" documentId="13_ncr:1_{D78F2AD3-5F26-4AE1-9991-A1C1E15DDCBC}" xr6:coauthVersionLast="47" xr6:coauthVersionMax="47" xr10:uidLastSave="{00000000-0000-0000-0000-000000000000}"/>
  <bookViews>
    <workbookView xWindow="-108" yWindow="-108" windowWidth="23256" windowHeight="13896" tabRatio="768" xr2:uid="{00000000-000D-0000-FFFF-FFFF00000000}"/>
  </bookViews>
  <sheets>
    <sheet name="R8年度　配分額算定表" sheetId="7" r:id="rId1"/>
  </sheets>
  <externalReferences>
    <externalReference r:id="rId2"/>
    <externalReference r:id="rId3"/>
    <externalReference r:id="rId4"/>
    <externalReference r:id="rId5"/>
    <externalReference r:id="rId6"/>
    <externalReference r:id="rId7"/>
    <externalReference r:id="rId8"/>
    <externalReference r:id="rId9"/>
    <externalReference r:id="rId10"/>
  </externalReferences>
  <definedNames>
    <definedName name="_xlnm._FilterDatabase" localSheetId="0" hidden="1">'R8年度　配分額算定表'!$B$5:$AP$53</definedName>
    <definedName name="①">#REF!</definedName>
    <definedName name="①1">#REF!</definedName>
    <definedName name="①2">#REF!</definedName>
    <definedName name="②1">#REF!</definedName>
    <definedName name="②2">#REF!</definedName>
    <definedName name="③1">#REF!</definedName>
    <definedName name="③2">#REF!</definedName>
    <definedName name="④1">#REF!</definedName>
    <definedName name="④2">#REF!</definedName>
    <definedName name="⑤からコピー">#REF!</definedName>
    <definedName name="⑥1">#REF!</definedName>
    <definedName name="a">#REF!</definedName>
    <definedName name="accc">#REF!</definedName>
    <definedName name="asd">#REF!</definedName>
    <definedName name="b">#REF!</definedName>
    <definedName name="d">#REF!</definedName>
    <definedName name="print">#REF!</definedName>
    <definedName name="_xlnm.Print_Area" localSheetId="0">'R8年度　配分額算定表'!$A$1:$AP$53</definedName>
    <definedName name="print_out">[0]!print_out</definedName>
    <definedName name="_xlnm.Print_Titles" localSheetId="0">'R8年度　配分額算定表'!$3:$5</definedName>
    <definedName name="rrr">'[1]様式16（見直しチェックシート）'!$U$53:$V$53</definedName>
    <definedName name="te">#REF!</definedName>
    <definedName name="tu" localSheetId="0">#REF!</definedName>
    <definedName name="tu">#REF!</definedName>
    <definedName name="TYU">#REF!</definedName>
    <definedName name="tyuubudeA">#REF!</definedName>
    <definedName name="w">#REF!</definedName>
    <definedName name="ア">#REF!</definedName>
    <definedName name="あ">[2]道路増減調書!#REF!</definedName>
    <definedName name="ああ">#REF!</definedName>
    <definedName name="エアレータB">[3]中部出A!$A$2</definedName>
    <definedName name="コードフラグ">'[4]抽出対象異動事由 F設定（抽出範囲設定）'!$A$3:$G$39</definedName>
    <definedName name="コピー">#REF!</definedName>
    <definedName name="ｺﾋﾟｰ素" localSheetId="0">#REF!</definedName>
    <definedName name="ｺﾋﾟｰ素">#REF!</definedName>
    <definedName name="て" localSheetId="0">#REF!</definedName>
    <definedName name="て">#REF!</definedName>
    <definedName name="マルメ">#REF!</definedName>
    <definedName name="まるめ">#REF!</definedName>
    <definedName name="リセット">[5]入力表!$D$29:$V$129,[5]入力表!$Y$29:$AL$129</definedName>
    <definedName name="リセット２">[5]入力表!$D$29:$V$129,[5]入力表!$Y$29:$AL$129</definedName>
    <definedName name="一般安全費">#REF!</definedName>
    <definedName name="一般管理費">#REF!</definedName>
    <definedName name="一般経費等">#REF!</definedName>
    <definedName name="一覧">[5]入力表!$B$28:$AL$129</definedName>
    <definedName name="一覧２">[5]入力表!$B$28:$AL$129</definedName>
    <definedName name="営繕損料率">#REF!</definedName>
    <definedName name="課題分類1">[6]記入方法リスト!$B$72:$B$81</definedName>
    <definedName name="改革プラン分類">'[6]入力規則シート（触らないで）'!$A$44:$A$47</definedName>
    <definedName name="開始日">#REF!</definedName>
    <definedName name="確認要" localSheetId="0">#REF!</definedName>
    <definedName name="確認要">#REF!</definedName>
    <definedName name="学校">#REF!</definedName>
    <definedName name="掛け率">#REF!</definedName>
    <definedName name="関連有無">'[6]入力規則シート（触らないで）'!$A$60:$A$61</definedName>
    <definedName name="技術管理費">#REF!</definedName>
    <definedName name="共通仮設費">#REF!</definedName>
    <definedName name="局名">'[6]入力規則シート（触らないで）'!$A$1:$A$29</definedName>
    <definedName name="経済戦略局">#REF!</definedName>
    <definedName name="経費">#REF!</definedName>
    <definedName name="経費区分">'[6]入力規則シート（触らないで）'!$A$38:$A$40</definedName>
    <definedName name="経費分類">'[6]入力規則シート（触らないで）'!$A$42:$A$42</definedName>
    <definedName name="月別満日数">#REF!</definedName>
    <definedName name="現場管理費">#REF!</definedName>
    <definedName name="現場経費">#REF!</definedName>
    <definedName name="港湾局">#REF!</definedName>
    <definedName name="告示補正整理表" localSheetId="0">#REF!</definedName>
    <definedName name="告示補正整理表">#REF!</definedName>
    <definedName name="此花">#REF!</definedName>
    <definedName name="査定率火報">#REF!</definedName>
    <definedName name="査定率拡声">#REF!</definedName>
    <definedName name="査定率時計">#REF!</definedName>
    <definedName name="査定率主装置">#REF!</definedName>
    <definedName name="査定率受変電">#REF!</definedName>
    <definedName name="査定率照明">#REF!</definedName>
    <definedName name="査定率配線器具">#REF!</definedName>
    <definedName name="査定率盤類">#REF!</definedName>
    <definedName name="最小値">#REF!</definedName>
    <definedName name="細節リスト">#REF!</definedName>
    <definedName name="細節リスト２">#REF!</definedName>
    <definedName name="削除行" localSheetId="0">[2]道路増減調書!#REF!</definedName>
    <definedName name="削除行">[2]道路増減調書!#REF!</definedName>
    <definedName name="雑材料">#REF!</definedName>
    <definedName name="施行体制">#REF!</definedName>
    <definedName name="事業種別">'[6]入力規則シート（触らないで）'!$A$31:$A$33</definedName>
    <definedName name="事業費種別">'[6]入力規則シート（触らないで）'!$A$74:$A$81</definedName>
    <definedName name="集計４">#REF!</definedName>
    <definedName name="住棟情報">#REF!</definedName>
    <definedName name="住棟情報２">#REF!</definedName>
    <definedName name="準備費">#REF!</definedName>
    <definedName name="職員番号">[7]Sheet1!$A$1:$A$5</definedName>
    <definedName name="新旧別">'[6]入力規則シート（触らないで）'!$A$35:$A$36</definedName>
    <definedName name="節リスト">#REF!</definedName>
    <definedName name="節リスト２">#REF!</definedName>
    <definedName name="大正">#REF!</definedName>
    <definedName name="中央区">#REF!</definedName>
    <definedName name="中部出A">#REF!</definedName>
    <definedName name="調査年度">[8]要望データ!$A$1</definedName>
    <definedName name="電気工事科目">#REF!</definedName>
    <definedName name="都島">#REF!</definedName>
    <definedName name="都島区">#REF!</definedName>
    <definedName name="配分">#REF!</definedName>
    <definedName name="府市統合本部項目">'[6]入力規則シート（触らないで）'!$A$49:$A$52</definedName>
    <definedName name="福祉局">#REF!</definedName>
    <definedName name="分類">'[9]様式17(見直し一覧)'!$A$38:$A$47</definedName>
    <definedName name="文書リスト">#REF!</definedName>
    <definedName name="文書リスト２">#REF!</definedName>
    <definedName name="文書番号リスト">[5]入力表!#REF!</definedName>
    <definedName name="文書番号リスト２">[5]入力表!#REF!</definedName>
    <definedName name="文書番号入力規則リスト">[5]入力表!#REF!</definedName>
    <definedName name="文書番号入力規則リスト２">[5]入力表!#REF!</definedName>
    <definedName name="北区">#REF!</definedName>
    <definedName name="北港B">[3]西部Ａ!$A$1</definedName>
    <definedName name="目">#REF!</definedName>
    <definedName name="目２">#REF!</definedName>
    <definedName name="令和５">#REF!</definedName>
    <definedName name="労務者輸送費">#REF!</definedName>
  </definedNames>
  <calcPr calcId="191029"/>
  <extLs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calcChain.xml><?xml version="1.0" encoding="utf-8"?>
<calcChain xmlns="http://schemas.openxmlformats.org/spreadsheetml/2006/main">
  <c r="O8" i="7" l="1"/>
  <c r="O25" i="7"/>
  <c r="R43" i="7"/>
  <c r="Y25" i="7"/>
  <c r="S8" i="7"/>
  <c r="T25" i="7"/>
  <c r="R52" i="7" l="1"/>
  <c r="Q52" i="7" s="1"/>
  <c r="R30" i="7" l="1"/>
  <c r="Q30" i="7" s="1"/>
  <c r="T8" i="7"/>
  <c r="U8" i="7"/>
  <c r="V8" i="7"/>
  <c r="W8" i="7"/>
  <c r="X8" i="7"/>
  <c r="Y8" i="7"/>
  <c r="Z8" i="7"/>
  <c r="AA8" i="7"/>
  <c r="AB8" i="7"/>
  <c r="AC8" i="7"/>
  <c r="AD8" i="7"/>
  <c r="AE8" i="7"/>
  <c r="AF8" i="7"/>
  <c r="AG8" i="7"/>
  <c r="AH8" i="7"/>
  <c r="AI8" i="7"/>
  <c r="AJ8" i="7"/>
  <c r="AK8" i="7"/>
  <c r="AL8" i="7"/>
  <c r="AM8" i="7"/>
  <c r="AN8" i="7"/>
  <c r="AO8" i="7"/>
  <c r="AP8" i="7"/>
  <c r="R22" i="7"/>
  <c r="R8" i="7" l="1"/>
  <c r="Q8" i="7" s="1"/>
  <c r="R50" i="7"/>
  <c r="R49" i="7"/>
  <c r="R42" i="7"/>
  <c r="R29" i="7"/>
  <c r="R24" i="7"/>
  <c r="Q50" i="7" l="1"/>
  <c r="Q49" i="7"/>
  <c r="Q29" i="7"/>
  <c r="Q42" i="7" l="1"/>
  <c r="Q24" i="7"/>
  <c r="Q22" i="7"/>
  <c r="R13" i="7" l="1"/>
  <c r="R20" i="7" l="1"/>
  <c r="Q20" i="7" l="1"/>
  <c r="R27" i="7" l="1"/>
  <c r="Q27" i="7" l="1"/>
  <c r="R44" i="7" l="1"/>
  <c r="Q44" i="7" l="1"/>
  <c r="R34" i="7" l="1"/>
  <c r="R33" i="7"/>
  <c r="R32" i="7"/>
  <c r="R31" i="7"/>
  <c r="R28" i="7"/>
  <c r="R26" i="7" l="1"/>
  <c r="R23" i="7"/>
  <c r="Q23" i="7" l="1"/>
  <c r="R21" i="7"/>
  <c r="R19" i="7"/>
  <c r="R18" i="7"/>
  <c r="R17" i="7"/>
  <c r="R16" i="7"/>
  <c r="R15" i="7"/>
  <c r="R14" i="7"/>
  <c r="R11" i="7"/>
  <c r="R10" i="7"/>
  <c r="R9" i="7"/>
  <c r="R7" i="7"/>
  <c r="R6" i="7"/>
  <c r="Q9" i="7" l="1"/>
  <c r="Q16" i="7"/>
  <c r="Q10" i="7"/>
  <c r="Q28" i="7" l="1"/>
  <c r="Q26" i="7" l="1"/>
  <c r="Q21" i="7" l="1"/>
  <c r="Q17" i="7" l="1"/>
  <c r="Q19" i="7" l="1"/>
  <c r="Q34" i="7"/>
  <c r="Q32" i="7"/>
  <c r="Q31" i="7"/>
  <c r="Q18" i="7"/>
  <c r="Q14" i="7"/>
  <c r="Q11" i="7"/>
  <c r="Q7" i="7"/>
  <c r="Q6" i="7"/>
  <c r="Q15" i="7" l="1"/>
  <c r="Q33" i="7" l="1"/>
  <c r="Q13" i="7"/>
  <c r="AA25" i="7" l="1"/>
  <c r="Z25" i="7"/>
  <c r="AP25" i="7"/>
  <c r="U25" i="7"/>
  <c r="AH25" i="7"/>
  <c r="AK25" i="7"/>
  <c r="AL25" i="7"/>
  <c r="AB25" i="7"/>
  <c r="AF25" i="7"/>
  <c r="AD25" i="7"/>
  <c r="AN25" i="7"/>
  <c r="AC25" i="7"/>
  <c r="AE25" i="7"/>
  <c r="AO25" i="7"/>
  <c r="AJ25" i="7"/>
  <c r="AM25" i="7"/>
  <c r="W25" i="7"/>
  <c r="X25" i="7"/>
  <c r="V25" i="7"/>
  <c r="AI25" i="7"/>
  <c r="AG25" i="7"/>
  <c r="S25" i="7" l="1"/>
  <c r="R25" i="7" l="1"/>
  <c r="R53" i="7" l="1"/>
  <c r="R51" i="7"/>
  <c r="R48" i="7"/>
  <c r="R47" i="7"/>
  <c r="R46" i="7"/>
  <c r="R45" i="7"/>
  <c r="R41" i="7"/>
  <c r="R40" i="7"/>
  <c r="R39" i="7"/>
  <c r="R38" i="7"/>
  <c r="R37" i="7"/>
  <c r="R36" i="7"/>
  <c r="R35" i="7"/>
  <c r="R12" i="7"/>
  <c r="Q12" i="7" l="1"/>
  <c r="Q46" i="7"/>
  <c r="Q36" i="7"/>
  <c r="Q41" i="7"/>
  <c r="Q39" i="7"/>
  <c r="Q48" i="7"/>
  <c r="Q47" i="7"/>
  <c r="Q51" i="7"/>
  <c r="Q43" i="7"/>
  <c r="Q35" i="7"/>
  <c r="Q38" i="7"/>
  <c r="Q37" i="7"/>
  <c r="Q40" i="7"/>
  <c r="Q45" i="7"/>
  <c r="Q53" i="7"/>
  <c r="Q25" i="7"/>
</calcChain>
</file>

<file path=xl/comments1.xml><?xml version="1.0" encoding="utf-8"?>
<comments xmlns="http://schemas.openxmlformats.org/spreadsheetml/2006/main" xmlns:mc="http://schemas.openxmlformats.org/markup-compatibility/2006" xmlns:xr="http://schemas.microsoft.com/office/spreadsheetml/2014/revision" mc:Ignorable="xr">
  <authors>
    <author>作成者</author>
  </authors>
  <commentList>
    <comment ref="K9" authorId="0" shapeId="0" xr:uid="{00000000-0006-0000-0000-000003000000}">
      <text>
        <r>
          <rPr>
            <b/>
            <sz val="9"/>
            <color indexed="81"/>
            <rFont val="MS P ゴシック"/>
            <family val="3"/>
            <charset val="128"/>
          </rPr>
          <t>法定保守点検費
マイナス済</t>
        </r>
        <r>
          <rPr>
            <sz val="9"/>
            <color indexed="81"/>
            <rFont val="MS P ゴシック"/>
            <family val="3"/>
            <charset val="128"/>
          </rPr>
          <t xml:space="preserve">
</t>
        </r>
      </text>
    </comment>
    <comment ref="K10" authorId="0" shapeId="0" xr:uid="{00000000-0006-0000-0000-000004000000}">
      <text>
        <r>
          <rPr>
            <b/>
            <sz val="9"/>
            <color indexed="81"/>
            <rFont val="MS P ゴシック"/>
            <family val="3"/>
            <charset val="128"/>
          </rPr>
          <t>法定保守点検費
マイナス済</t>
        </r>
        <r>
          <rPr>
            <sz val="9"/>
            <color indexed="81"/>
            <rFont val="MS P ゴシック"/>
            <family val="3"/>
            <charset val="128"/>
          </rPr>
          <t xml:space="preserve">
</t>
        </r>
      </text>
    </comment>
    <comment ref="K21" authorId="0" shapeId="0" xr:uid="{00000000-0006-0000-0000-00000A000000}">
      <text>
        <r>
          <rPr>
            <b/>
            <sz val="9"/>
            <color indexed="81"/>
            <rFont val="MS P ゴシック"/>
            <family val="3"/>
            <charset val="128"/>
          </rPr>
          <t xml:space="preserve">法定保守点検費
マイナス済
</t>
        </r>
      </text>
    </comment>
    <comment ref="K26" authorId="0" shapeId="0" xr:uid="{00000000-0006-0000-0000-00000F000000}">
      <text>
        <r>
          <rPr>
            <b/>
            <sz val="9"/>
            <color indexed="81"/>
            <rFont val="MS P ゴシック"/>
            <family val="3"/>
            <charset val="128"/>
          </rPr>
          <t>「重点」除く</t>
        </r>
        <r>
          <rPr>
            <sz val="9"/>
            <color indexed="81"/>
            <rFont val="MS P ゴシック"/>
            <family val="3"/>
            <charset val="128"/>
          </rPr>
          <t xml:space="preserve">
</t>
        </r>
      </text>
    </comment>
    <comment ref="K34" authorId="0" shapeId="0" xr:uid="{F33C16C1-813B-49DB-85F7-C2E414C711D2}">
      <text>
        <r>
          <rPr>
            <b/>
            <sz val="9"/>
            <color indexed="81"/>
            <rFont val="MS P ゴシック"/>
            <family val="3"/>
            <charset val="128"/>
          </rPr>
          <t>宝くじ充当</t>
        </r>
      </text>
    </comment>
    <comment ref="K38" authorId="0" shapeId="0" xr:uid="{00000000-0006-0000-0000-000015000000}">
      <text>
        <r>
          <rPr>
            <b/>
            <sz val="9"/>
            <color indexed="81"/>
            <rFont val="MS P ゴシック"/>
            <family val="3"/>
            <charset val="128"/>
          </rPr>
          <t>（非裁量経費）税等
マイナス済</t>
        </r>
      </text>
    </comment>
    <comment ref="K42" authorId="0" shapeId="0" xr:uid="{E1389AE8-0D1B-4B1A-BB0C-56C9960BC9BA}">
      <text>
        <r>
          <rPr>
            <b/>
            <sz val="9"/>
            <color indexed="81"/>
            <rFont val="MS P ゴシック"/>
            <family val="3"/>
            <charset val="128"/>
          </rPr>
          <t>法定保守点検費
マイナス済</t>
        </r>
      </text>
    </comment>
    <comment ref="K43" authorId="0" shapeId="0" xr:uid="{00000000-0006-0000-0000-000018000000}">
      <text>
        <r>
          <rPr>
            <b/>
            <sz val="9"/>
            <color indexed="81"/>
            <rFont val="MS P ゴシック"/>
            <family val="3"/>
            <charset val="128"/>
          </rPr>
          <t>法定保守点検費
マイナス済</t>
        </r>
      </text>
    </comment>
    <comment ref="K45" authorId="0" shapeId="0" xr:uid="{E525D77B-1C31-4EA5-9CC9-6E5874B1AC2F}">
      <text>
        <r>
          <rPr>
            <b/>
            <sz val="9"/>
            <color indexed="81"/>
            <rFont val="MS P ゴシック"/>
            <family val="3"/>
            <charset val="128"/>
          </rPr>
          <t>宝くじ充当</t>
        </r>
      </text>
    </comment>
    <comment ref="K47" authorId="0" shapeId="0" xr:uid="{00000000-0006-0000-0000-00001A000000}">
      <text>
        <r>
          <rPr>
            <b/>
            <sz val="9"/>
            <color indexed="81"/>
            <rFont val="MS P ゴシック"/>
            <family val="3"/>
            <charset val="128"/>
          </rPr>
          <t>法定保守点検費
マイナス済</t>
        </r>
      </text>
    </comment>
    <comment ref="K49" authorId="0" shapeId="0" xr:uid="{ABA50D9F-C8E0-4C8D-BB00-CBC86ACE0FBA}">
      <text>
        <r>
          <rPr>
            <b/>
            <sz val="9"/>
            <color indexed="81"/>
            <rFont val="MS P ゴシック"/>
            <family val="3"/>
            <charset val="128"/>
          </rPr>
          <t>法定保守点検費
マイナス済</t>
        </r>
      </text>
    </comment>
    <comment ref="K50" authorId="0" shapeId="0" xr:uid="{71F05CA5-D437-4899-9FF0-FA71C5575465}">
      <text>
        <r>
          <rPr>
            <b/>
            <sz val="9"/>
            <color indexed="81"/>
            <rFont val="MS P ゴシック"/>
            <family val="3"/>
            <charset val="128"/>
          </rPr>
          <t>法定保守点検費
マイナス済</t>
        </r>
      </text>
    </comment>
  </commentList>
</comments>
</file>

<file path=xl/sharedStrings.xml><?xml version="1.0" encoding="utf-8"?>
<sst xmlns="http://schemas.openxmlformats.org/spreadsheetml/2006/main" count="384" uniqueCount="116">
  <si>
    <t>会計名　　一般会計</t>
    <rPh sb="0" eb="2">
      <t>カイケイ</t>
    </rPh>
    <rPh sb="2" eb="3">
      <t>メイ</t>
    </rPh>
    <rPh sb="5" eb="7">
      <t>イッパン</t>
    </rPh>
    <rPh sb="7" eb="9">
      <t>カイケイ</t>
    </rPh>
    <phoneticPr fontId="59"/>
  </si>
  <si>
    <t>(単位：千円)</t>
    <phoneticPr fontId="54"/>
  </si>
  <si>
    <t>事  業  名</t>
    <phoneticPr fontId="54"/>
  </si>
  <si>
    <t>局名</t>
    <rPh sb="0" eb="1">
      <t>キョク</t>
    </rPh>
    <rPh sb="1" eb="2">
      <t>メイ</t>
    </rPh>
    <phoneticPr fontId="54"/>
  </si>
  <si>
    <t>区分</t>
    <rPh sb="0" eb="2">
      <t>クブン</t>
    </rPh>
    <phoneticPr fontId="59"/>
  </si>
  <si>
    <t>配分
分類</t>
    <rPh sb="0" eb="2">
      <t>ハイブン</t>
    </rPh>
    <rPh sb="3" eb="5">
      <t>ブンルイ</t>
    </rPh>
    <phoneticPr fontId="59"/>
  </si>
  <si>
    <t>基礎額</t>
    <rPh sb="0" eb="2">
      <t>キソ</t>
    </rPh>
    <rPh sb="2" eb="3">
      <t>ガク</t>
    </rPh>
    <phoneticPr fontId="59"/>
  </si>
  <si>
    <t>配分分類</t>
    <rPh sb="0" eb="2">
      <t>ハイブン</t>
    </rPh>
    <rPh sb="2" eb="4">
      <t>ブンルイ</t>
    </rPh>
    <phoneticPr fontId="59"/>
  </si>
  <si>
    <t>指標</t>
    <rPh sb="0" eb="2">
      <t>シヒョウ</t>
    </rPh>
    <phoneticPr fontId="59"/>
  </si>
  <si>
    <t>シーリング</t>
    <phoneticPr fontId="59"/>
  </si>
  <si>
    <t>シーリング額</t>
    <rPh sb="5" eb="6">
      <t>ガク</t>
    </rPh>
    <phoneticPr fontId="59"/>
  </si>
  <si>
    <t>シーリング額
(ラウンド)</t>
    <rPh sb="5" eb="6">
      <t>ガク</t>
    </rPh>
    <phoneticPr fontId="59"/>
  </si>
  <si>
    <t>配分基礎額</t>
    <rPh sb="0" eb="2">
      <t>ハイブン</t>
    </rPh>
    <rPh sb="2" eb="4">
      <t>キソ</t>
    </rPh>
    <rPh sb="4" eb="5">
      <t>ガク</t>
    </rPh>
    <phoneticPr fontId="59"/>
  </si>
  <si>
    <t>ラウンド
処理</t>
    <rPh sb="5" eb="7">
      <t>ショリ</t>
    </rPh>
    <phoneticPr fontId="59"/>
  </si>
  <si>
    <t>予算編成主管</t>
    <rPh sb="2" eb="4">
      <t>ヘンセイ</t>
    </rPh>
    <rPh sb="4" eb="6">
      <t>シュカン</t>
    </rPh>
    <phoneticPr fontId="59"/>
  </si>
  <si>
    <t>通し
番号</t>
    <rPh sb="0" eb="1">
      <t>トオ</t>
    </rPh>
    <rPh sb="3" eb="5">
      <t>バンゴウ</t>
    </rPh>
    <phoneticPr fontId="54"/>
  </si>
  <si>
    <t>（区合計）</t>
    <rPh sb="1" eb="2">
      <t>ク</t>
    </rPh>
    <rPh sb="2" eb="4">
      <t>ゴウケイ</t>
    </rPh>
    <phoneticPr fontId="59"/>
  </si>
  <si>
    <t>局（留保）</t>
    <rPh sb="0" eb="1">
      <t>キョク</t>
    </rPh>
    <rPh sb="2" eb="4">
      <t>リュウホ</t>
    </rPh>
    <phoneticPr fontId="59"/>
  </si>
  <si>
    <t>区合計</t>
    <rPh sb="0" eb="1">
      <t>ク</t>
    </rPh>
    <rPh sb="1" eb="3">
      <t>ゴウケイ</t>
    </rPh>
    <phoneticPr fontId="59"/>
  </si>
  <si>
    <t>北区</t>
    <rPh sb="0" eb="2">
      <t>キタク</t>
    </rPh>
    <phoneticPr fontId="54"/>
  </si>
  <si>
    <t>都島区</t>
    <rPh sb="0" eb="3">
      <t>ミヤコジマク</t>
    </rPh>
    <phoneticPr fontId="59"/>
  </si>
  <si>
    <t>福島区</t>
    <rPh sb="0" eb="3">
      <t>フクシマク</t>
    </rPh>
    <phoneticPr fontId="54"/>
  </si>
  <si>
    <t>此花区</t>
    <rPh sb="0" eb="3">
      <t>コノハナク</t>
    </rPh>
    <phoneticPr fontId="59"/>
  </si>
  <si>
    <t>中央区</t>
    <rPh sb="0" eb="3">
      <t>チュウオウク</t>
    </rPh>
    <phoneticPr fontId="54"/>
  </si>
  <si>
    <t>西区</t>
    <rPh sb="0" eb="2">
      <t>ニシク</t>
    </rPh>
    <phoneticPr fontId="59"/>
  </si>
  <si>
    <t>港区</t>
    <rPh sb="0" eb="2">
      <t>ミナトク</t>
    </rPh>
    <phoneticPr fontId="54"/>
  </si>
  <si>
    <t>大正区</t>
    <rPh sb="0" eb="3">
      <t>タイショウク</t>
    </rPh>
    <phoneticPr fontId="59"/>
  </si>
  <si>
    <t>天王寺区</t>
    <rPh sb="0" eb="4">
      <t>テンノウジク</t>
    </rPh>
    <phoneticPr fontId="54"/>
  </si>
  <si>
    <t>浪速区</t>
    <rPh sb="0" eb="3">
      <t>ナニワク</t>
    </rPh>
    <phoneticPr fontId="59"/>
  </si>
  <si>
    <t>西淀川区</t>
    <rPh sb="0" eb="4">
      <t>ニシヨドガワク</t>
    </rPh>
    <phoneticPr fontId="54"/>
  </si>
  <si>
    <t>淀川区</t>
    <rPh sb="0" eb="3">
      <t>ヨドガワク</t>
    </rPh>
    <phoneticPr fontId="59"/>
  </si>
  <si>
    <t>東淀川区</t>
    <rPh sb="0" eb="4">
      <t>ヒガシヨドガワク</t>
    </rPh>
    <phoneticPr fontId="54"/>
  </si>
  <si>
    <t>東成区</t>
    <rPh sb="0" eb="3">
      <t>ヒガシナリク</t>
    </rPh>
    <phoneticPr fontId="59"/>
  </si>
  <si>
    <t>生野区</t>
    <rPh sb="0" eb="3">
      <t>イクノク</t>
    </rPh>
    <phoneticPr fontId="54"/>
  </si>
  <si>
    <t>旭区</t>
    <rPh sb="0" eb="2">
      <t>アサヒク</t>
    </rPh>
    <phoneticPr fontId="59"/>
  </si>
  <si>
    <t>城東区</t>
    <rPh sb="0" eb="3">
      <t>ジョウトウク</t>
    </rPh>
    <phoneticPr fontId="54"/>
  </si>
  <si>
    <t>鶴見区</t>
    <rPh sb="0" eb="3">
      <t>ツルミク</t>
    </rPh>
    <phoneticPr fontId="59"/>
  </si>
  <si>
    <t>阿倍野区</t>
    <rPh sb="0" eb="4">
      <t>アベノク</t>
    </rPh>
    <phoneticPr fontId="54"/>
  </si>
  <si>
    <t>住之江区</t>
    <rPh sb="0" eb="4">
      <t>スミノエク</t>
    </rPh>
    <phoneticPr fontId="59"/>
  </si>
  <si>
    <t>住吉区</t>
    <rPh sb="0" eb="3">
      <t>スミヨシク</t>
    </rPh>
    <phoneticPr fontId="54"/>
  </si>
  <si>
    <t>東住吉区</t>
    <rPh sb="0" eb="4">
      <t>ヒガシスミヨシク</t>
    </rPh>
    <phoneticPr fontId="59"/>
  </si>
  <si>
    <t>平野区</t>
    <rPh sb="0" eb="3">
      <t>ヒラノク</t>
    </rPh>
    <phoneticPr fontId="54"/>
  </si>
  <si>
    <t>西成区</t>
    <rPh sb="0" eb="3">
      <t>ニシナリク</t>
    </rPh>
    <phoneticPr fontId="54"/>
  </si>
  <si>
    <t>裁量B</t>
    <rPh sb="0" eb="2">
      <t>サイリョウ</t>
    </rPh>
    <phoneticPr fontId="59"/>
  </si>
  <si>
    <t>B③</t>
    <phoneticPr fontId="59"/>
  </si>
  <si>
    <t>―</t>
    <phoneticPr fontId="59"/>
  </si>
  <si>
    <t>経済戦略局</t>
    <rPh sb="0" eb="2">
      <t>ケイザイ</t>
    </rPh>
    <rPh sb="2" eb="4">
      <t>センリャク</t>
    </rPh>
    <rPh sb="4" eb="5">
      <t>キョク</t>
    </rPh>
    <phoneticPr fontId="54"/>
  </si>
  <si>
    <t>経済戦略局</t>
    <rPh sb="0" eb="2">
      <t>ケイザイ</t>
    </rPh>
    <rPh sb="2" eb="4">
      <t>センリャク</t>
    </rPh>
    <rPh sb="4" eb="5">
      <t>キョク</t>
    </rPh>
    <phoneticPr fontId="59"/>
  </si>
  <si>
    <t>文学碑維持管理</t>
    <rPh sb="0" eb="2">
      <t>ブンガク</t>
    </rPh>
    <rPh sb="2" eb="3">
      <t>ヒ</t>
    </rPh>
    <rPh sb="3" eb="5">
      <t>イジ</t>
    </rPh>
    <rPh sb="5" eb="7">
      <t>カンリ</t>
    </rPh>
    <phoneticPr fontId="53"/>
  </si>
  <si>
    <t>―</t>
  </si>
  <si>
    <t>学校体育施設開放事業</t>
    <rPh sb="0" eb="2">
      <t>ガッコウ</t>
    </rPh>
    <rPh sb="2" eb="4">
      <t>タイイク</t>
    </rPh>
    <rPh sb="4" eb="6">
      <t>シセツ</t>
    </rPh>
    <rPh sb="6" eb="8">
      <t>カイホウ</t>
    </rPh>
    <rPh sb="8" eb="10">
      <t>ジギョウ</t>
    </rPh>
    <phoneticPr fontId="54"/>
  </si>
  <si>
    <t>市民局</t>
    <rPh sb="0" eb="2">
      <t>シミン</t>
    </rPh>
    <rPh sb="2" eb="3">
      <t>キョク</t>
    </rPh>
    <phoneticPr fontId="59"/>
  </si>
  <si>
    <t>わがまちナイススポットの発見（都市景観資源の発掘・活用）</t>
    <rPh sb="12" eb="14">
      <t>ハッケン</t>
    </rPh>
    <rPh sb="15" eb="17">
      <t>トシ</t>
    </rPh>
    <rPh sb="17" eb="19">
      <t>ケイカン</t>
    </rPh>
    <rPh sb="19" eb="21">
      <t>シゲン</t>
    </rPh>
    <rPh sb="22" eb="24">
      <t>ハックツ</t>
    </rPh>
    <rPh sb="25" eb="27">
      <t>カツヨウ</t>
    </rPh>
    <phoneticPr fontId="54"/>
  </si>
  <si>
    <t>まちづくり活動支援事業</t>
    <rPh sb="5" eb="7">
      <t>カツドウ</t>
    </rPh>
    <rPh sb="7" eb="9">
      <t>シエン</t>
    </rPh>
    <rPh sb="9" eb="11">
      <t>ジギョウ</t>
    </rPh>
    <phoneticPr fontId="54"/>
  </si>
  <si>
    <t>福祉局</t>
    <rPh sb="0" eb="2">
      <t>フクシ</t>
    </rPh>
    <rPh sb="2" eb="3">
      <t>キョク</t>
    </rPh>
    <phoneticPr fontId="59"/>
  </si>
  <si>
    <t>地域における要援護者の見守りネットワーク強化事業</t>
    <rPh sb="0" eb="2">
      <t>チイキ</t>
    </rPh>
    <rPh sb="6" eb="7">
      <t>ヨウ</t>
    </rPh>
    <rPh sb="7" eb="9">
      <t>エンゴ</t>
    </rPh>
    <rPh sb="9" eb="10">
      <t>シャ</t>
    </rPh>
    <rPh sb="11" eb="13">
      <t>ミマモ</t>
    </rPh>
    <rPh sb="20" eb="22">
      <t>キョウカ</t>
    </rPh>
    <rPh sb="22" eb="24">
      <t>ジギョウ</t>
    </rPh>
    <phoneticPr fontId="59"/>
  </si>
  <si>
    <t>障がい者活動等推進事業</t>
    <phoneticPr fontId="59"/>
  </si>
  <si>
    <t>こども青少年局</t>
    <rPh sb="3" eb="6">
      <t>セイショウネン</t>
    </rPh>
    <rPh sb="6" eb="7">
      <t>キョク</t>
    </rPh>
    <phoneticPr fontId="59"/>
  </si>
  <si>
    <t>母子父子寡婦福祉貸付資金会計繰出金（裁量分）</t>
    <rPh sb="0" eb="2">
      <t>ボシ</t>
    </rPh>
    <rPh sb="2" eb="4">
      <t>フシ</t>
    </rPh>
    <rPh sb="4" eb="6">
      <t>カフ</t>
    </rPh>
    <rPh sb="6" eb="8">
      <t>フクシ</t>
    </rPh>
    <rPh sb="8" eb="10">
      <t>カシツケ</t>
    </rPh>
    <rPh sb="10" eb="12">
      <t>シキン</t>
    </rPh>
    <rPh sb="12" eb="14">
      <t>カイケイ</t>
    </rPh>
    <rPh sb="14" eb="15">
      <t>クリ</t>
    </rPh>
    <rPh sb="15" eb="17">
      <t>シュッキン</t>
    </rPh>
    <rPh sb="18" eb="20">
      <t>サイリョウ</t>
    </rPh>
    <rPh sb="20" eb="21">
      <t>ブン</t>
    </rPh>
    <phoneticPr fontId="64"/>
  </si>
  <si>
    <t>環境局</t>
    <rPh sb="0" eb="3">
      <t>カンキョウキョク</t>
    </rPh>
    <phoneticPr fontId="59"/>
  </si>
  <si>
    <t>土壌汚染・水質汚濁対策事業</t>
    <rPh sb="0" eb="2">
      <t>ドジョウ</t>
    </rPh>
    <rPh sb="2" eb="4">
      <t>オセン</t>
    </rPh>
    <rPh sb="5" eb="7">
      <t>スイシツ</t>
    </rPh>
    <rPh sb="7" eb="8">
      <t>ヨゴ</t>
    </rPh>
    <rPh sb="8" eb="9">
      <t>ダク</t>
    </rPh>
    <rPh sb="9" eb="11">
      <t>タイサク</t>
    </rPh>
    <rPh sb="11" eb="13">
      <t>ジギョウ</t>
    </rPh>
    <phoneticPr fontId="59"/>
  </si>
  <si>
    <t>防災力強化マンション認定制度</t>
    <rPh sb="0" eb="3">
      <t>ボウサイリョク</t>
    </rPh>
    <rPh sb="3" eb="5">
      <t>キョウカ</t>
    </rPh>
    <rPh sb="10" eb="12">
      <t>ニンテイ</t>
    </rPh>
    <rPh sb="12" eb="14">
      <t>セイド</t>
    </rPh>
    <phoneticPr fontId="54"/>
  </si>
  <si>
    <t>都市整備局</t>
    <rPh sb="0" eb="2">
      <t>トシ</t>
    </rPh>
    <rPh sb="2" eb="4">
      <t>セイビ</t>
    </rPh>
    <rPh sb="4" eb="5">
      <t>キョク</t>
    </rPh>
    <phoneticPr fontId="59"/>
  </si>
  <si>
    <t>子育て安心マンション認定制度</t>
    <rPh sb="0" eb="2">
      <t>コソダ</t>
    </rPh>
    <rPh sb="3" eb="5">
      <t>アンシン</t>
    </rPh>
    <rPh sb="10" eb="12">
      <t>ニンテイ</t>
    </rPh>
    <rPh sb="12" eb="14">
      <t>セイド</t>
    </rPh>
    <phoneticPr fontId="54"/>
  </si>
  <si>
    <t>建設局</t>
    <rPh sb="0" eb="3">
      <t>ケンセツキョク</t>
    </rPh>
    <phoneticPr fontId="59"/>
  </si>
  <si>
    <t>舗装維持補修</t>
    <rPh sb="0" eb="2">
      <t>ホソウ</t>
    </rPh>
    <rPh sb="2" eb="4">
      <t>イジ</t>
    </rPh>
    <rPh sb="4" eb="6">
      <t>ホシュウ</t>
    </rPh>
    <phoneticPr fontId="54"/>
  </si>
  <si>
    <t>道路施設維持補修</t>
    <rPh sb="0" eb="2">
      <t>ドウロ</t>
    </rPh>
    <rPh sb="2" eb="4">
      <t>シセツ</t>
    </rPh>
    <rPh sb="4" eb="6">
      <t>イジ</t>
    </rPh>
    <rPh sb="6" eb="8">
      <t>ホシュウ</t>
    </rPh>
    <phoneticPr fontId="54"/>
  </si>
  <si>
    <t>放置自転車対策事業（放置自転車の撤去費など）</t>
    <rPh sb="0" eb="2">
      <t>ホウチ</t>
    </rPh>
    <rPh sb="2" eb="5">
      <t>ジテンシャ</t>
    </rPh>
    <rPh sb="5" eb="7">
      <t>タイサク</t>
    </rPh>
    <rPh sb="7" eb="9">
      <t>ジギョウ</t>
    </rPh>
    <rPh sb="10" eb="12">
      <t>ホウチ</t>
    </rPh>
    <rPh sb="12" eb="15">
      <t>ジテンシャ</t>
    </rPh>
    <rPh sb="16" eb="18">
      <t>テッキョ</t>
    </rPh>
    <rPh sb="18" eb="19">
      <t>ヒ</t>
    </rPh>
    <phoneticPr fontId="54"/>
  </si>
  <si>
    <t>道路の適正利用
（うち、道路・河川等における美化運動功労者表彰）</t>
    <rPh sb="0" eb="2">
      <t>ドウロ</t>
    </rPh>
    <rPh sb="3" eb="5">
      <t>テキセイ</t>
    </rPh>
    <rPh sb="5" eb="7">
      <t>リヨウ</t>
    </rPh>
    <rPh sb="12" eb="14">
      <t>ドウロ</t>
    </rPh>
    <rPh sb="15" eb="17">
      <t>カセン</t>
    </rPh>
    <rPh sb="17" eb="18">
      <t>トウ</t>
    </rPh>
    <rPh sb="22" eb="24">
      <t>ビカ</t>
    </rPh>
    <rPh sb="24" eb="26">
      <t>ウンドウ</t>
    </rPh>
    <rPh sb="26" eb="29">
      <t>コウロウシャ</t>
    </rPh>
    <rPh sb="29" eb="31">
      <t>ヒョウショウ</t>
    </rPh>
    <phoneticPr fontId="54"/>
  </si>
  <si>
    <t>放置自転車対策事業（自転車駐車場整備）</t>
    <rPh sb="0" eb="2">
      <t>ホウチ</t>
    </rPh>
    <rPh sb="2" eb="5">
      <t>ジテンシャ</t>
    </rPh>
    <rPh sb="5" eb="7">
      <t>タイサク</t>
    </rPh>
    <rPh sb="7" eb="9">
      <t>ジギョウ</t>
    </rPh>
    <rPh sb="10" eb="13">
      <t>ジテンシャ</t>
    </rPh>
    <rPh sb="13" eb="16">
      <t>チュウシャジョウ</t>
    </rPh>
    <rPh sb="16" eb="18">
      <t>セイビ</t>
    </rPh>
    <phoneticPr fontId="54"/>
  </si>
  <si>
    <t>河川の維持管理
（うち、除草・親水河川補修）</t>
    <rPh sb="0" eb="2">
      <t>カセン</t>
    </rPh>
    <rPh sb="3" eb="5">
      <t>イジ</t>
    </rPh>
    <rPh sb="5" eb="7">
      <t>カンリ</t>
    </rPh>
    <rPh sb="12" eb="14">
      <t>ジョソウ</t>
    </rPh>
    <rPh sb="15" eb="16">
      <t>オヤ</t>
    </rPh>
    <rPh sb="16" eb="17">
      <t>スイ</t>
    </rPh>
    <rPh sb="17" eb="19">
      <t>カセン</t>
    </rPh>
    <rPh sb="19" eb="21">
      <t>ホシュウ</t>
    </rPh>
    <phoneticPr fontId="54"/>
  </si>
  <si>
    <t>有料施設管理運営費</t>
    <rPh sb="0" eb="2">
      <t>ユウリョウ</t>
    </rPh>
    <rPh sb="2" eb="4">
      <t>シセツ</t>
    </rPh>
    <rPh sb="4" eb="6">
      <t>カンリ</t>
    </rPh>
    <rPh sb="6" eb="8">
      <t>ウンエイ</t>
    </rPh>
    <rPh sb="8" eb="9">
      <t>ヒ</t>
    </rPh>
    <phoneticPr fontId="54"/>
  </si>
  <si>
    <t>住区基幹公園整備（維持補修）</t>
    <rPh sb="0" eb="1">
      <t>ジュウ</t>
    </rPh>
    <rPh sb="1" eb="2">
      <t>ク</t>
    </rPh>
    <rPh sb="2" eb="4">
      <t>キカン</t>
    </rPh>
    <rPh sb="4" eb="6">
      <t>コウエン</t>
    </rPh>
    <rPh sb="6" eb="8">
      <t>セイビ</t>
    </rPh>
    <rPh sb="9" eb="11">
      <t>イジ</t>
    </rPh>
    <rPh sb="11" eb="13">
      <t>ホシュウ</t>
    </rPh>
    <phoneticPr fontId="54"/>
  </si>
  <si>
    <t>公園施設整備(安全安心・リフレッシュ）</t>
    <rPh sb="0" eb="2">
      <t>コウエン</t>
    </rPh>
    <rPh sb="2" eb="4">
      <t>シセツ</t>
    </rPh>
    <rPh sb="4" eb="6">
      <t>セイビ</t>
    </rPh>
    <rPh sb="7" eb="9">
      <t>アンゼン</t>
    </rPh>
    <rPh sb="9" eb="11">
      <t>アンシン</t>
    </rPh>
    <phoneticPr fontId="54"/>
  </si>
  <si>
    <t>公園管理作業
（うち中規模公園）</t>
    <rPh sb="10" eb="13">
      <t>チュウキボ</t>
    </rPh>
    <rPh sb="13" eb="15">
      <t>コウエン</t>
    </rPh>
    <phoneticPr fontId="49"/>
  </si>
  <si>
    <t>裁量B</t>
    <rPh sb="0" eb="2">
      <t>サイリョウ</t>
    </rPh>
    <phoneticPr fontId="49"/>
  </si>
  <si>
    <t>B③</t>
  </si>
  <si>
    <t>公園樹・街路樹等の保全育成
（うち中規模公園）</t>
    <rPh sb="17" eb="20">
      <t>チュウキボ</t>
    </rPh>
    <rPh sb="20" eb="22">
      <t>コウエン</t>
    </rPh>
    <phoneticPr fontId="59"/>
  </si>
  <si>
    <t>緑化の普及啓発事業等</t>
    <rPh sb="0" eb="2">
      <t>リョッカ</t>
    </rPh>
    <rPh sb="3" eb="5">
      <t>フキュウ</t>
    </rPh>
    <rPh sb="5" eb="7">
      <t>ケイハツ</t>
    </rPh>
    <rPh sb="7" eb="9">
      <t>ジギョウ</t>
    </rPh>
    <rPh sb="9" eb="10">
      <t>トウ</t>
    </rPh>
    <phoneticPr fontId="54"/>
  </si>
  <si>
    <t>道路、緑地及び防災施設等の維持管理
（うち臨港道路維持管理）</t>
    <rPh sb="21" eb="23">
      <t>リンコウ</t>
    </rPh>
    <rPh sb="23" eb="25">
      <t>ドウロ</t>
    </rPh>
    <rPh sb="25" eb="27">
      <t>イジ</t>
    </rPh>
    <rPh sb="27" eb="29">
      <t>カンリ</t>
    </rPh>
    <phoneticPr fontId="59"/>
  </si>
  <si>
    <t>港湾施設等の維持補修</t>
    <rPh sb="4" eb="5">
      <t>トウ</t>
    </rPh>
    <phoneticPr fontId="59"/>
  </si>
  <si>
    <t>霊園施設整備</t>
    <rPh sb="2" eb="4">
      <t>シセツ</t>
    </rPh>
    <rPh sb="4" eb="6">
      <t>セイビ</t>
    </rPh>
    <phoneticPr fontId="59"/>
  </si>
  <si>
    <t>公園適正化対策
（うち中規模公園）</t>
    <rPh sb="11" eb="14">
      <t>チュウキボ</t>
    </rPh>
    <rPh sb="14" eb="16">
      <t>コウエン</t>
    </rPh>
    <phoneticPr fontId="49"/>
  </si>
  <si>
    <t>スクールカウンセラー事業</t>
    <rPh sb="10" eb="12">
      <t>ジギョウ</t>
    </rPh>
    <phoneticPr fontId="64"/>
  </si>
  <si>
    <t>B③</t>
    <phoneticPr fontId="59"/>
  </si>
  <si>
    <t>公園内電気施設整備
（うち中規模公園）</t>
    <rPh sb="13" eb="16">
      <t>チュウキボ</t>
    </rPh>
    <rPh sb="16" eb="18">
      <t>コウエン</t>
    </rPh>
    <phoneticPr fontId="59"/>
  </si>
  <si>
    <t>障がい者福祉関係事務費
（うち総合支援等事務費・療育手帳交付事業）</t>
    <rPh sb="0" eb="1">
      <t>ショウ</t>
    </rPh>
    <rPh sb="3" eb="4">
      <t>シャ</t>
    </rPh>
    <rPh sb="4" eb="6">
      <t>フクシ</t>
    </rPh>
    <rPh sb="6" eb="8">
      <t>カンケイ</t>
    </rPh>
    <rPh sb="8" eb="11">
      <t>ジムヒ</t>
    </rPh>
    <rPh sb="15" eb="17">
      <t>ソウゴウ</t>
    </rPh>
    <rPh sb="17" eb="19">
      <t>シエン</t>
    </rPh>
    <rPh sb="19" eb="20">
      <t>トウ</t>
    </rPh>
    <rPh sb="20" eb="22">
      <t>ジム</t>
    </rPh>
    <rPh sb="22" eb="23">
      <t>ヒ</t>
    </rPh>
    <phoneticPr fontId="59"/>
  </si>
  <si>
    <t>しごと情報ひろば総合就労サポート事業
（地域就労支援事業）
（うち全市共通部分）</t>
    <rPh sb="33" eb="35">
      <t>ゼンシ</t>
    </rPh>
    <rPh sb="35" eb="37">
      <t>キョウツウ</t>
    </rPh>
    <rPh sb="37" eb="39">
      <t>ブブン</t>
    </rPh>
    <phoneticPr fontId="54"/>
  </si>
  <si>
    <t>未利用地売却促進等事業</t>
    <rPh sb="0" eb="4">
      <t>ミリヨウチ</t>
    </rPh>
    <rPh sb="4" eb="6">
      <t>バイキャク</t>
    </rPh>
    <rPh sb="6" eb="8">
      <t>ソクシン</t>
    </rPh>
    <rPh sb="8" eb="9">
      <t>トウ</t>
    </rPh>
    <rPh sb="9" eb="11">
      <t>ジギョウ</t>
    </rPh>
    <phoneticPr fontId="65"/>
  </si>
  <si>
    <t>道路照明灯の整備</t>
    <rPh sb="0" eb="2">
      <t>ドウロ</t>
    </rPh>
    <rPh sb="2" eb="4">
      <t>ショウメイ</t>
    </rPh>
    <rPh sb="4" eb="5">
      <t>ヒ</t>
    </rPh>
    <rPh sb="6" eb="8">
      <t>セイビ</t>
    </rPh>
    <phoneticPr fontId="54"/>
  </si>
  <si>
    <t>地域生活支援事業
（うち日常生活用具給付事業）</t>
    <phoneticPr fontId="59"/>
  </si>
  <si>
    <t>局一括（区割なし）</t>
  </si>
  <si>
    <t>民生委員活動事業</t>
    <phoneticPr fontId="59"/>
  </si>
  <si>
    <t>大阪港湾局</t>
    <rPh sb="0" eb="2">
      <t>オオサカ</t>
    </rPh>
    <rPh sb="2" eb="4">
      <t>コウワン</t>
    </rPh>
    <rPh sb="4" eb="5">
      <t>キョク</t>
    </rPh>
    <phoneticPr fontId="59"/>
  </si>
  <si>
    <t>計画調整局</t>
    <rPh sb="0" eb="2">
      <t>ケイカク</t>
    </rPh>
    <rPh sb="2" eb="5">
      <t>チョウセイキョク</t>
    </rPh>
    <rPh sb="4" eb="5">
      <t>キョク</t>
    </rPh>
    <phoneticPr fontId="59"/>
  </si>
  <si>
    <t>一般園地指定管理代行料
（うち中規模公園）</t>
    <rPh sb="0" eb="2">
      <t>イッパン</t>
    </rPh>
    <rPh sb="2" eb="4">
      <t>エンチ</t>
    </rPh>
    <rPh sb="4" eb="6">
      <t>シテイ</t>
    </rPh>
    <rPh sb="6" eb="8">
      <t>カンリ</t>
    </rPh>
    <rPh sb="8" eb="10">
      <t>ダイコウ</t>
    </rPh>
    <rPh sb="10" eb="11">
      <t>リョウ</t>
    </rPh>
    <phoneticPr fontId="45"/>
  </si>
  <si>
    <t>建設局</t>
    <rPh sb="0" eb="3">
      <t>ケンセツキョク</t>
    </rPh>
    <phoneticPr fontId="49"/>
  </si>
  <si>
    <t>―</t>
    <phoneticPr fontId="59"/>
  </si>
  <si>
    <t>こども青少年局</t>
    <rPh sb="3" eb="7">
      <t>セイショウネンキョク</t>
    </rPh>
    <phoneticPr fontId="59"/>
  </si>
  <si>
    <t>R8区関連経費　配分額一覧（所要一般財源ベース）</t>
    <rPh sb="2" eb="3">
      <t>ク</t>
    </rPh>
    <rPh sb="3" eb="5">
      <t>カンレン</t>
    </rPh>
    <rPh sb="5" eb="7">
      <t>ケイヒ</t>
    </rPh>
    <rPh sb="8" eb="10">
      <t>ハイブン</t>
    </rPh>
    <rPh sb="10" eb="11">
      <t>ガク</t>
    </rPh>
    <rPh sb="11" eb="13">
      <t>イチラン</t>
    </rPh>
    <rPh sb="14" eb="16">
      <t>ショヨウ</t>
    </rPh>
    <rPh sb="16" eb="18">
      <t>イッパン</t>
    </rPh>
    <rPh sb="18" eb="20">
      <t>ザイゲン</t>
    </rPh>
    <phoneticPr fontId="54"/>
  </si>
  <si>
    <t>R7予算額</t>
    <rPh sb="2" eb="5">
      <t>ヨサンガク</t>
    </rPh>
    <phoneticPr fontId="59"/>
  </si>
  <si>
    <t>R7予算額</t>
  </si>
  <si>
    <t>スポーツ施設指定管理運営費
（スポーツセンター）</t>
    <phoneticPr fontId="54"/>
  </si>
  <si>
    <t>スポーツ施設指定管理運営費
（プール）</t>
    <phoneticPr fontId="54"/>
  </si>
  <si>
    <t>子育て活動支援事業</t>
    <rPh sb="0" eb="2">
      <t>コソダ</t>
    </rPh>
    <rPh sb="3" eb="5">
      <t>カツドウ</t>
    </rPh>
    <rPh sb="5" eb="7">
      <t>シエン</t>
    </rPh>
    <rPh sb="7" eb="9">
      <t>ジギョウ</t>
    </rPh>
    <phoneticPr fontId="59"/>
  </si>
  <si>
    <t>地域子育て支援拠点事業（民間分）</t>
    <rPh sb="0" eb="2">
      <t>チイキ</t>
    </rPh>
    <rPh sb="2" eb="4">
      <t>コソダ</t>
    </rPh>
    <rPh sb="5" eb="7">
      <t>シエン</t>
    </rPh>
    <rPh sb="7" eb="9">
      <t>キョテン</t>
    </rPh>
    <rPh sb="9" eb="11">
      <t>ジギョウ</t>
    </rPh>
    <rPh sb="12" eb="14">
      <t>ミンカン</t>
    </rPh>
    <rPh sb="14" eb="15">
      <t>ブン</t>
    </rPh>
    <phoneticPr fontId="59"/>
  </si>
  <si>
    <t>（うち区長重点から裁量Bへの移管部分以外）</t>
    <rPh sb="3" eb="5">
      <t>クチョウ</t>
    </rPh>
    <phoneticPr fontId="59"/>
  </si>
  <si>
    <t>（うち市長重点から裁量Bへの移管部分）</t>
    <rPh sb="3" eb="5">
      <t>シチョウ</t>
    </rPh>
    <rPh sb="5" eb="7">
      <t>ジュウテン</t>
    </rPh>
    <rPh sb="9" eb="11">
      <t>サイリョウ</t>
    </rPh>
    <rPh sb="14" eb="16">
      <t>イカン</t>
    </rPh>
    <rPh sb="16" eb="18">
      <t>ブブン</t>
    </rPh>
    <phoneticPr fontId="59"/>
  </si>
  <si>
    <t>成人の日記念事業</t>
    <rPh sb="0" eb="2">
      <t>セイジン</t>
    </rPh>
    <rPh sb="3" eb="4">
      <t>ヒ</t>
    </rPh>
    <rPh sb="4" eb="6">
      <t>キネン</t>
    </rPh>
    <rPh sb="6" eb="8">
      <t>ジギョウ</t>
    </rPh>
    <phoneticPr fontId="59"/>
  </si>
  <si>
    <t>R8配分額</t>
    <rPh sb="2" eb="4">
      <t>ハイブン</t>
    </rPh>
    <rPh sb="4" eb="5">
      <t>ガク</t>
    </rPh>
    <phoneticPr fontId="59"/>
  </si>
  <si>
    <t>創造を楽しむ元気な地域づくりの推進
（地域文化）</t>
    <rPh sb="19" eb="21">
      <t>チイキ</t>
    </rPh>
    <rPh sb="21" eb="23">
      <t>ブンカ</t>
    </rPh>
    <phoneticPr fontId="49"/>
  </si>
  <si>
    <t>スポーツ施設指定管理運営費</t>
    <phoneticPr fontId="59"/>
  </si>
  <si>
    <t>介護保険事業会計繰出金</t>
    <rPh sb="0" eb="2">
      <t>カイゴ</t>
    </rPh>
    <rPh sb="2" eb="4">
      <t>ホケン</t>
    </rPh>
    <rPh sb="4" eb="6">
      <t>ジギョウ</t>
    </rPh>
    <rPh sb="6" eb="8">
      <t>カイケイ</t>
    </rPh>
    <rPh sb="8" eb="10">
      <t>クリダ</t>
    </rPh>
    <rPh sb="10" eb="11">
      <t>キン</t>
    </rPh>
    <phoneticPr fontId="59"/>
  </si>
  <si>
    <t>公園管理運営費（中規模公園）
（うち光熱水費等）</t>
    <rPh sb="8" eb="11">
      <t>チュウキボ</t>
    </rPh>
    <rPh sb="11" eb="13">
      <t>コウエン</t>
    </rPh>
    <rPh sb="18" eb="20">
      <t>コウネツ</t>
    </rPh>
    <rPh sb="20" eb="21">
      <t>スイ</t>
    </rPh>
    <rPh sb="21" eb="22">
      <t>ヒ</t>
    </rPh>
    <rPh sb="22" eb="23">
      <t>トウ</t>
    </rPh>
    <phoneticPr fontId="59"/>
  </si>
  <si>
    <t>家庭児童相談運営費
（うち区長重点から裁量Bへの移管部分以外）</t>
    <rPh sb="0" eb="2">
      <t>カテイ</t>
    </rPh>
    <rPh sb="2" eb="4">
      <t>ジドウ</t>
    </rPh>
    <rPh sb="4" eb="6">
      <t>ソウダン</t>
    </rPh>
    <rPh sb="6" eb="8">
      <t>ウンエイ</t>
    </rPh>
    <rPh sb="8" eb="9">
      <t>ヒ</t>
    </rPh>
    <phoneticPr fontId="59"/>
  </si>
  <si>
    <t>利用者支援事業（子ども・子育て支援推進）
（うち区長重点から裁量Bへの移管部分以外）</t>
    <rPh sb="0" eb="2">
      <t>リヨウ</t>
    </rPh>
    <rPh sb="2" eb="3">
      <t>シャ</t>
    </rPh>
    <rPh sb="3" eb="5">
      <t>シエン</t>
    </rPh>
    <rPh sb="5" eb="7">
      <t>ジギョウ</t>
    </rPh>
    <rPh sb="8" eb="9">
      <t>コ</t>
    </rPh>
    <rPh sb="12" eb="14">
      <t>コソダ</t>
    </rPh>
    <rPh sb="15" eb="17">
      <t>シエン</t>
    </rPh>
    <rPh sb="17" eb="19">
      <t>スイシン</t>
    </rPh>
    <rPh sb="39" eb="41">
      <t>イガイ</t>
    </rPh>
    <phoneticPr fontId="59"/>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9">
    <numFmt numFmtId="41" formatCode="_ * #,##0_ ;_ * \-#,##0_ ;_ * &quot;-&quot;_ ;_ @_ "/>
    <numFmt numFmtId="176" formatCode="#,##0;&quot;△ &quot;#,##0"/>
    <numFmt numFmtId="177" formatCode="0_ "/>
    <numFmt numFmtId="178" formatCode="0.00_);[Red]\(0.00\)"/>
    <numFmt numFmtId="179" formatCode="#,##0.00;&quot;△ &quot;#,##0.00"/>
    <numFmt numFmtId="180" formatCode="0.00;&quot;△ &quot;0.00"/>
    <numFmt numFmtId="181" formatCode="#,##0_);[Red]\(#,##0\)"/>
    <numFmt numFmtId="182" formatCode="#,##0_ ;[Red]\-#,##0\ "/>
    <numFmt numFmtId="183" formatCode="_(* #,##0_);_(* \(#,##0\);_(* &quot;-&quot;_);_(@_)"/>
  </numFmts>
  <fonts count="73">
    <font>
      <sz val="11"/>
      <name val="ＭＳ Ｐゴシック"/>
      <family val="3"/>
      <charset val="128"/>
    </font>
    <font>
      <sz val="11"/>
      <color theme="1"/>
      <name val="ＭＳ Ｐゴシック"/>
      <family val="2"/>
      <charset val="128"/>
      <scheme val="minor"/>
    </font>
    <font>
      <sz val="11"/>
      <color theme="1"/>
      <name val="ＭＳ Ｐゴシック"/>
      <family val="2"/>
      <charset val="128"/>
      <scheme val="minor"/>
    </font>
    <font>
      <sz val="11"/>
      <color theme="1"/>
      <name val="ＭＳ Ｐゴシック"/>
      <family val="2"/>
      <charset val="128"/>
      <scheme val="minor"/>
    </font>
    <font>
      <sz val="11"/>
      <color theme="1"/>
      <name val="ＭＳ Ｐゴシック"/>
      <family val="2"/>
      <charset val="128"/>
      <scheme val="minor"/>
    </font>
    <font>
      <sz val="11"/>
      <color theme="1"/>
      <name val="ＭＳ Ｐゴシック"/>
      <family val="2"/>
      <charset val="128"/>
      <scheme val="minor"/>
    </font>
    <font>
      <sz val="11"/>
      <color theme="1"/>
      <name val="ＭＳ Ｐゴシック"/>
      <family val="2"/>
      <charset val="128"/>
      <scheme val="minor"/>
    </font>
    <font>
      <sz val="11"/>
      <color theme="1"/>
      <name val="ＭＳ Ｐゴシック"/>
      <family val="2"/>
      <charset val="128"/>
      <scheme val="minor"/>
    </font>
    <font>
      <sz val="11"/>
      <color theme="1"/>
      <name val="ＭＳ Ｐゴシック"/>
      <family val="2"/>
      <charset val="128"/>
      <scheme val="minor"/>
    </font>
    <font>
      <sz val="11"/>
      <color theme="1"/>
      <name val="ＭＳ Ｐゴシック"/>
      <family val="2"/>
      <charset val="128"/>
      <scheme val="minor"/>
    </font>
    <font>
      <sz val="11"/>
      <color theme="1"/>
      <name val="ＭＳ Ｐゴシック"/>
      <family val="2"/>
      <charset val="128"/>
      <scheme val="minor"/>
    </font>
    <font>
      <sz val="11"/>
      <color theme="1"/>
      <name val="ＭＳ Ｐゴシック"/>
      <family val="2"/>
      <charset val="128"/>
      <scheme val="minor"/>
    </font>
    <font>
      <sz val="11"/>
      <color theme="1"/>
      <name val="ＭＳ Ｐゴシック"/>
      <family val="2"/>
      <charset val="128"/>
      <scheme val="minor"/>
    </font>
    <font>
      <sz val="11"/>
      <color theme="1"/>
      <name val="ＭＳ Ｐゴシック"/>
      <family val="2"/>
      <charset val="128"/>
      <scheme val="minor"/>
    </font>
    <font>
      <sz val="11"/>
      <color theme="1"/>
      <name val="ＭＳ Ｐゴシック"/>
      <family val="2"/>
      <charset val="128"/>
      <scheme val="minor"/>
    </font>
    <font>
      <sz val="11"/>
      <color theme="1"/>
      <name val="ＭＳ Ｐゴシック"/>
      <family val="2"/>
      <charset val="128"/>
      <scheme val="minor"/>
    </font>
    <font>
      <sz val="11"/>
      <color theme="1"/>
      <name val="ＭＳ Ｐゴシック"/>
      <family val="2"/>
      <charset val="128"/>
      <scheme val="minor"/>
    </font>
    <font>
      <sz val="11"/>
      <color theme="1"/>
      <name val="ＭＳ Ｐゴシック"/>
      <family val="2"/>
      <charset val="128"/>
      <scheme val="minor"/>
    </font>
    <font>
      <sz val="11"/>
      <color theme="1"/>
      <name val="ＭＳ Ｐゴシック"/>
      <family val="2"/>
      <charset val="128"/>
      <scheme val="minor"/>
    </font>
    <font>
      <sz val="11"/>
      <color theme="1"/>
      <name val="ＭＳ Ｐゴシック"/>
      <family val="2"/>
      <charset val="128"/>
      <scheme val="minor"/>
    </font>
    <font>
      <sz val="11"/>
      <color theme="1"/>
      <name val="ＭＳ Ｐゴシック"/>
      <family val="2"/>
      <charset val="128"/>
      <scheme val="minor"/>
    </font>
    <font>
      <sz val="11"/>
      <color theme="1"/>
      <name val="ＭＳ Ｐゴシック"/>
      <family val="2"/>
      <charset val="128"/>
      <scheme val="minor"/>
    </font>
    <font>
      <sz val="11"/>
      <color theme="1"/>
      <name val="ＭＳ Ｐゴシック"/>
      <family val="2"/>
      <charset val="128"/>
      <scheme val="minor"/>
    </font>
    <font>
      <sz val="11"/>
      <color theme="1"/>
      <name val="ＭＳ Ｐゴシック"/>
      <family val="2"/>
      <charset val="128"/>
      <scheme val="minor"/>
    </font>
    <font>
      <sz val="11"/>
      <color theme="1"/>
      <name val="ＭＳ Ｐゴシック"/>
      <family val="2"/>
      <charset val="128"/>
      <scheme val="minor"/>
    </font>
    <font>
      <sz val="11"/>
      <color theme="1"/>
      <name val="ＭＳ Ｐゴシック"/>
      <family val="2"/>
      <charset val="128"/>
      <scheme val="minor"/>
    </font>
    <font>
      <sz val="11"/>
      <color theme="1"/>
      <name val="ＭＳ Ｐゴシック"/>
      <family val="2"/>
      <charset val="128"/>
      <scheme val="minor"/>
    </font>
    <font>
      <sz val="11"/>
      <color theme="1"/>
      <name val="ＭＳ Ｐゴシック"/>
      <family val="2"/>
      <charset val="128"/>
      <scheme val="minor"/>
    </font>
    <font>
      <sz val="11"/>
      <color theme="1"/>
      <name val="ＭＳ Ｐゴシック"/>
      <family val="2"/>
      <charset val="128"/>
      <scheme val="minor"/>
    </font>
    <font>
      <sz val="11"/>
      <color theme="1"/>
      <name val="ＭＳ Ｐゴシック"/>
      <family val="2"/>
      <charset val="128"/>
      <scheme val="minor"/>
    </font>
    <font>
      <sz val="11"/>
      <color theme="1"/>
      <name val="ＭＳ Ｐゴシック"/>
      <family val="2"/>
      <charset val="128"/>
      <scheme val="minor"/>
    </font>
    <font>
      <sz val="11"/>
      <color theme="1"/>
      <name val="ＭＳ Ｐゴシック"/>
      <family val="2"/>
      <charset val="128"/>
      <scheme val="minor"/>
    </font>
    <font>
      <sz val="11"/>
      <color theme="1"/>
      <name val="ＭＳ Ｐゴシック"/>
      <family val="2"/>
      <charset val="128"/>
      <scheme val="minor"/>
    </font>
    <font>
      <sz val="11"/>
      <color theme="1"/>
      <name val="ＭＳ Ｐゴシック"/>
      <family val="2"/>
      <charset val="128"/>
      <scheme val="minor"/>
    </font>
    <font>
      <sz val="11"/>
      <color theme="1"/>
      <name val="ＭＳ Ｐゴシック"/>
      <family val="2"/>
      <charset val="128"/>
      <scheme val="minor"/>
    </font>
    <font>
      <sz val="11"/>
      <color theme="1"/>
      <name val="ＭＳ Ｐゴシック"/>
      <family val="2"/>
      <charset val="128"/>
      <scheme val="minor"/>
    </font>
    <font>
      <sz val="11"/>
      <color theme="1"/>
      <name val="ＭＳ Ｐゴシック"/>
      <family val="2"/>
      <charset val="128"/>
      <scheme val="minor"/>
    </font>
    <font>
      <sz val="11"/>
      <color theme="1"/>
      <name val="ＭＳ Ｐゴシック"/>
      <family val="2"/>
      <charset val="128"/>
      <scheme val="minor"/>
    </font>
    <font>
      <sz val="11"/>
      <color theme="1"/>
      <name val="ＭＳ Ｐゴシック"/>
      <family val="2"/>
      <charset val="128"/>
      <scheme val="minor"/>
    </font>
    <font>
      <sz val="11"/>
      <color theme="1"/>
      <name val="ＭＳ Ｐゴシック"/>
      <family val="2"/>
      <charset val="128"/>
      <scheme val="minor"/>
    </font>
    <font>
      <sz val="11"/>
      <color theme="1"/>
      <name val="ＭＳ Ｐゴシック"/>
      <family val="2"/>
      <charset val="128"/>
      <scheme val="minor"/>
    </font>
    <font>
      <sz val="11"/>
      <color theme="1"/>
      <name val="ＭＳ Ｐゴシック"/>
      <family val="2"/>
      <charset val="128"/>
      <scheme val="minor"/>
    </font>
    <font>
      <sz val="11"/>
      <color theme="1"/>
      <name val="ＭＳ Ｐゴシック"/>
      <family val="2"/>
      <charset val="128"/>
      <scheme val="minor"/>
    </font>
    <font>
      <sz val="11"/>
      <color theme="1"/>
      <name val="ＭＳ Ｐゴシック"/>
      <family val="2"/>
      <charset val="128"/>
      <scheme val="minor"/>
    </font>
    <font>
      <sz val="11"/>
      <color theme="1"/>
      <name val="ＭＳ Ｐゴシック"/>
      <family val="2"/>
      <charset val="128"/>
      <scheme val="minor"/>
    </font>
    <font>
      <sz val="11"/>
      <color theme="1"/>
      <name val="ＭＳ Ｐゴシック"/>
      <family val="2"/>
      <charset val="128"/>
      <scheme val="minor"/>
    </font>
    <font>
      <sz val="11"/>
      <color theme="1"/>
      <name val="ＭＳ Ｐゴシック"/>
      <family val="2"/>
      <charset val="128"/>
      <scheme val="minor"/>
    </font>
    <font>
      <sz val="11"/>
      <color theme="1"/>
      <name val="ＭＳ Ｐゴシック"/>
      <family val="2"/>
      <charset val="128"/>
      <scheme val="minor"/>
    </font>
    <font>
      <sz val="11"/>
      <color theme="1"/>
      <name val="ＭＳ Ｐゴシック"/>
      <family val="2"/>
      <charset val="128"/>
      <scheme val="minor"/>
    </font>
    <font>
      <sz val="11"/>
      <color theme="1"/>
      <name val="ＭＳ Ｐゴシック"/>
      <family val="2"/>
      <charset val="128"/>
      <scheme val="minor"/>
    </font>
    <font>
      <b/>
      <sz val="18"/>
      <color theme="3"/>
      <name val="ＭＳ Ｐゴシック"/>
      <family val="2"/>
      <charset val="128"/>
      <scheme val="major"/>
    </font>
    <font>
      <sz val="10.5"/>
      <name val="明朝体"/>
      <family val="3"/>
      <charset val="128"/>
    </font>
    <font>
      <sz val="9"/>
      <color theme="1"/>
      <name val="ＭＳ Ｐゴシック"/>
      <family val="3"/>
      <charset val="128"/>
    </font>
    <font>
      <sz val="6"/>
      <name val="ＭＳ Ｐゴシック"/>
      <family val="2"/>
      <charset val="128"/>
      <scheme val="minor"/>
    </font>
    <font>
      <sz val="6"/>
      <name val="明朝体"/>
      <family val="3"/>
      <charset val="128"/>
    </font>
    <font>
      <sz val="12"/>
      <color theme="1"/>
      <name val="ＭＳ Ｐゴシック"/>
      <family val="3"/>
      <charset val="128"/>
    </font>
    <font>
      <sz val="11"/>
      <name val="ＭＳ Ｐゴシック"/>
      <family val="3"/>
      <charset val="128"/>
    </font>
    <font>
      <sz val="11"/>
      <color theme="1"/>
      <name val="ＭＳ Ｐゴシック"/>
      <family val="3"/>
      <charset val="128"/>
    </font>
    <font>
      <u/>
      <sz val="9"/>
      <color theme="1"/>
      <name val="ＭＳ Ｐゴシック"/>
      <family val="3"/>
      <charset val="128"/>
    </font>
    <font>
      <sz val="6"/>
      <name val="ＭＳ Ｐゴシック"/>
      <family val="3"/>
      <charset val="128"/>
    </font>
    <font>
      <sz val="11"/>
      <color rgb="FFFF0000"/>
      <name val="ＭＳ Ｐゴシック"/>
      <family val="3"/>
      <charset val="128"/>
    </font>
    <font>
      <sz val="12"/>
      <color rgb="FFFF0000"/>
      <name val="ＭＳ Ｐゴシック"/>
      <family val="3"/>
      <charset val="128"/>
    </font>
    <font>
      <sz val="9"/>
      <name val="ＭＳ Ｐゴシック"/>
      <family val="3"/>
      <charset val="128"/>
    </font>
    <font>
      <sz val="9"/>
      <color rgb="FFFF0000"/>
      <name val="ＭＳ Ｐゴシック"/>
      <family val="3"/>
      <charset val="128"/>
    </font>
    <font>
      <sz val="11"/>
      <color indexed="9"/>
      <name val="ＭＳ Ｐゴシック"/>
      <family val="3"/>
      <charset val="128"/>
    </font>
    <font>
      <u/>
      <sz val="10.5"/>
      <name val="ＭＳ 明朝"/>
      <family val="1"/>
      <charset val="128"/>
    </font>
    <font>
      <sz val="9"/>
      <color indexed="8"/>
      <name val="ＭＳ Ｐゴシック"/>
      <family val="3"/>
      <charset val="128"/>
    </font>
    <font>
      <sz val="11"/>
      <color theme="1"/>
      <name val="ＭＳ Ｐゴシック"/>
      <family val="3"/>
      <charset val="128"/>
      <scheme val="minor"/>
    </font>
    <font>
      <sz val="11"/>
      <name val="ＭＳ 明朝"/>
      <family val="1"/>
      <charset val="128"/>
    </font>
    <font>
      <sz val="9"/>
      <color indexed="81"/>
      <name val="MS P ゴシック"/>
      <family val="3"/>
      <charset val="128"/>
    </font>
    <font>
      <b/>
      <sz val="9"/>
      <color indexed="81"/>
      <name val="MS P ゴシック"/>
      <family val="3"/>
      <charset val="128"/>
    </font>
    <font>
      <sz val="11"/>
      <color theme="1"/>
      <name val="ＭＳ Ｐゴシック"/>
      <family val="2"/>
      <scheme val="minor"/>
    </font>
    <font>
      <sz val="10"/>
      <name val="Arial"/>
      <family val="2"/>
    </font>
  </fonts>
  <fills count="4">
    <fill>
      <patternFill patternType="none"/>
    </fill>
    <fill>
      <patternFill patternType="gray125"/>
    </fill>
    <fill>
      <patternFill patternType="solid">
        <fgColor rgb="FFFFFFCC"/>
      </patternFill>
    </fill>
    <fill>
      <patternFill patternType="solid">
        <fgColor theme="0"/>
        <bgColor indexed="64"/>
      </patternFill>
    </fill>
  </fills>
  <borders count="56">
    <border>
      <left/>
      <right/>
      <top/>
      <bottom/>
      <diagonal/>
    </border>
    <border>
      <left style="thin">
        <color rgb="FFB2B2B2"/>
      </left>
      <right style="thin">
        <color rgb="FFB2B2B2"/>
      </right>
      <top style="thin">
        <color rgb="FFB2B2B2"/>
      </top>
      <bottom style="thin">
        <color rgb="FFB2B2B2"/>
      </bottom>
      <diagonal/>
    </border>
    <border>
      <left/>
      <right/>
      <top/>
      <bottom style="medium">
        <color indexed="64"/>
      </bottom>
      <diagonal/>
    </border>
    <border>
      <left style="medium">
        <color indexed="64"/>
      </left>
      <right style="thin">
        <color indexed="64"/>
      </right>
      <top style="medium">
        <color indexed="64"/>
      </top>
      <bottom/>
      <diagonal/>
    </border>
    <border>
      <left style="thin">
        <color indexed="64"/>
      </left>
      <right style="thin">
        <color indexed="64"/>
      </right>
      <top style="medium">
        <color indexed="64"/>
      </top>
      <bottom/>
      <diagonal/>
    </border>
    <border>
      <left/>
      <right style="thin">
        <color indexed="64"/>
      </right>
      <top style="medium">
        <color indexed="64"/>
      </top>
      <bottom/>
      <diagonal/>
    </border>
    <border>
      <left style="thin">
        <color indexed="64"/>
      </left>
      <right style="medium">
        <color indexed="64"/>
      </right>
      <top style="medium">
        <color indexed="64"/>
      </top>
      <bottom/>
      <diagonal/>
    </border>
    <border>
      <left style="medium">
        <color indexed="64"/>
      </left>
      <right style="medium">
        <color indexed="64"/>
      </right>
      <top style="medium">
        <color indexed="64"/>
      </top>
      <bottom/>
      <diagonal/>
    </border>
    <border>
      <left/>
      <right/>
      <top style="medium">
        <color indexed="64"/>
      </top>
      <bottom style="medium">
        <color indexed="64"/>
      </bottom>
      <diagonal/>
    </border>
    <border>
      <left/>
      <right style="medium">
        <color indexed="64"/>
      </right>
      <top style="medium">
        <color indexed="64"/>
      </top>
      <bottom style="medium">
        <color indexed="64"/>
      </bottom>
      <diagonal/>
    </border>
    <border>
      <left/>
      <right style="thin">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thin">
        <color indexed="64"/>
      </left>
      <right style="medium">
        <color indexed="64"/>
      </right>
      <top style="medium">
        <color indexed="64"/>
      </top>
      <bottom style="thin">
        <color indexed="64"/>
      </bottom>
      <diagonal/>
    </border>
    <border>
      <left style="medium">
        <color indexed="64"/>
      </left>
      <right style="thin">
        <color indexed="64"/>
      </right>
      <top/>
      <bottom style="medium">
        <color indexed="64"/>
      </bottom>
      <diagonal/>
    </border>
    <border>
      <left style="thin">
        <color indexed="64"/>
      </left>
      <right style="thin">
        <color indexed="64"/>
      </right>
      <top/>
      <bottom style="medium">
        <color indexed="64"/>
      </bottom>
      <diagonal/>
    </border>
    <border>
      <left/>
      <right style="thin">
        <color indexed="64"/>
      </right>
      <top/>
      <bottom style="medium">
        <color indexed="64"/>
      </bottom>
      <diagonal/>
    </border>
    <border>
      <left style="thin">
        <color indexed="64"/>
      </left>
      <right style="medium">
        <color indexed="64"/>
      </right>
      <top/>
      <bottom style="medium">
        <color indexed="64"/>
      </bottom>
      <diagonal/>
    </border>
    <border>
      <left style="medium">
        <color indexed="64"/>
      </left>
      <right style="medium">
        <color indexed="64"/>
      </right>
      <top/>
      <bottom style="medium">
        <color indexed="64"/>
      </bottom>
      <diagonal/>
    </border>
    <border>
      <left/>
      <right style="thin">
        <color indexed="64"/>
      </right>
      <top style="medium">
        <color indexed="64"/>
      </top>
      <bottom style="medium">
        <color indexed="64"/>
      </bottom>
      <diagonal/>
    </border>
    <border>
      <left style="thin">
        <color indexed="64"/>
      </left>
      <right style="medium">
        <color indexed="64"/>
      </right>
      <top style="medium">
        <color indexed="64"/>
      </top>
      <bottom style="medium">
        <color indexed="64"/>
      </bottom>
      <diagonal/>
    </border>
    <border>
      <left style="thin">
        <color indexed="64"/>
      </left>
      <right style="thin">
        <color indexed="64"/>
      </right>
      <top style="thin">
        <color indexed="64"/>
      </top>
      <bottom style="medium">
        <color indexed="64"/>
      </bottom>
      <diagonal/>
    </border>
    <border>
      <left style="thin">
        <color indexed="64"/>
      </left>
      <right style="thin">
        <color indexed="64"/>
      </right>
      <top style="thin">
        <color indexed="64"/>
      </top>
      <bottom style="thin">
        <color indexed="64"/>
      </bottom>
      <diagonal/>
    </border>
    <border>
      <left style="medium">
        <color indexed="64"/>
      </left>
      <right style="thin">
        <color indexed="64"/>
      </right>
      <top/>
      <bottom style="thin">
        <color indexed="64"/>
      </bottom>
      <diagonal/>
    </border>
    <border>
      <left style="medium">
        <color indexed="64"/>
      </left>
      <right style="thin">
        <color indexed="64"/>
      </right>
      <top style="thin">
        <color indexed="64"/>
      </top>
      <bottom style="thin">
        <color indexed="64"/>
      </bottom>
      <diagonal/>
    </border>
    <border>
      <left style="thin">
        <color indexed="64"/>
      </left>
      <right style="thin">
        <color indexed="64"/>
      </right>
      <top/>
      <bottom/>
      <diagonal/>
    </border>
    <border>
      <left style="medium">
        <color indexed="64"/>
      </left>
      <right style="medium">
        <color indexed="64"/>
      </right>
      <top/>
      <bottom style="thin">
        <color indexed="64"/>
      </bottom>
      <diagonal/>
    </border>
    <border>
      <left/>
      <right style="thin">
        <color indexed="64"/>
      </right>
      <top/>
      <bottom style="thin">
        <color indexed="64"/>
      </bottom>
      <diagonal/>
    </border>
    <border>
      <left style="thin">
        <color indexed="64"/>
      </left>
      <right style="medium">
        <color indexed="64"/>
      </right>
      <top/>
      <bottom style="thin">
        <color indexed="64"/>
      </bottom>
      <diagonal/>
    </border>
    <border>
      <left style="thin">
        <color indexed="64"/>
      </left>
      <right style="thin">
        <color indexed="64"/>
      </right>
      <top/>
      <bottom style="thin">
        <color indexed="64"/>
      </bottom>
      <diagonal/>
    </border>
    <border>
      <left style="thin">
        <color indexed="64"/>
      </left>
      <right style="thin">
        <color indexed="64"/>
      </right>
      <top style="thin">
        <color indexed="64"/>
      </top>
      <bottom/>
      <diagonal/>
    </border>
    <border>
      <left style="medium">
        <color indexed="64"/>
      </left>
      <right style="thin">
        <color indexed="64"/>
      </right>
      <top style="thin">
        <color indexed="64"/>
      </top>
      <bottom/>
      <diagonal/>
    </border>
    <border>
      <left style="thin">
        <color indexed="64"/>
      </left>
      <right style="medium">
        <color indexed="64"/>
      </right>
      <top style="thin">
        <color indexed="64"/>
      </top>
      <bottom style="thin">
        <color indexed="64"/>
      </bottom>
      <diagonal/>
    </border>
    <border>
      <left style="thin">
        <color indexed="64"/>
      </left>
      <right style="medium">
        <color indexed="64"/>
      </right>
      <top style="thin">
        <color indexed="64"/>
      </top>
      <bottom style="medium">
        <color indexed="64"/>
      </bottom>
      <diagonal/>
    </border>
    <border>
      <left/>
      <right style="thin">
        <color indexed="64"/>
      </right>
      <top/>
      <bottom/>
      <diagonal/>
    </border>
    <border>
      <left style="medium">
        <color indexed="64"/>
      </left>
      <right style="medium">
        <color indexed="64"/>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top style="thin">
        <color indexed="64"/>
      </top>
      <bottom style="thin">
        <color indexed="64"/>
      </bottom>
      <diagonal/>
    </border>
    <border>
      <left style="thin">
        <color indexed="64"/>
      </left>
      <right style="medium">
        <color indexed="64"/>
      </right>
      <top style="thin">
        <color indexed="64"/>
      </top>
      <bottom/>
      <diagonal/>
    </border>
    <border>
      <left style="thin">
        <color indexed="64"/>
      </left>
      <right/>
      <top style="thin">
        <color indexed="64"/>
      </top>
      <bottom/>
      <diagonal/>
    </border>
    <border>
      <left/>
      <right style="medium">
        <color indexed="64"/>
      </right>
      <top style="thin">
        <color indexed="64"/>
      </top>
      <bottom style="thin">
        <color indexed="64"/>
      </bottom>
      <diagonal/>
    </border>
    <border>
      <left style="thin">
        <color indexed="64"/>
      </left>
      <right style="medium">
        <color indexed="64"/>
      </right>
      <top/>
      <bottom/>
      <diagonal/>
    </border>
    <border>
      <left/>
      <right style="thin">
        <color indexed="64"/>
      </right>
      <top style="dashed">
        <color indexed="64"/>
      </top>
      <bottom style="thin">
        <color indexed="64"/>
      </bottom>
      <diagonal/>
    </border>
    <border>
      <left style="thin">
        <color indexed="64"/>
      </left>
      <right style="medium">
        <color indexed="64"/>
      </right>
      <top style="dashed">
        <color indexed="64"/>
      </top>
      <bottom style="thin">
        <color indexed="64"/>
      </bottom>
      <diagonal/>
    </border>
    <border>
      <left style="thin">
        <color indexed="64"/>
      </left>
      <right style="thin">
        <color indexed="64"/>
      </right>
      <top style="dashed">
        <color indexed="64"/>
      </top>
      <bottom style="thin">
        <color indexed="64"/>
      </bottom>
      <diagonal/>
    </border>
    <border>
      <left style="medium">
        <color indexed="64"/>
      </left>
      <right style="medium">
        <color indexed="64"/>
      </right>
      <top style="dashed">
        <color indexed="64"/>
      </top>
      <bottom style="thin">
        <color indexed="64"/>
      </bottom>
      <diagonal/>
    </border>
    <border>
      <left style="medium">
        <color indexed="64"/>
      </left>
      <right style="thin">
        <color indexed="64"/>
      </right>
      <top style="dashed">
        <color indexed="64"/>
      </top>
      <bottom style="thin">
        <color indexed="64"/>
      </bottom>
      <diagonal/>
    </border>
    <border>
      <left style="thin">
        <color indexed="64"/>
      </left>
      <right/>
      <top style="dashed">
        <color indexed="64"/>
      </top>
      <bottom style="thin">
        <color indexed="64"/>
      </bottom>
      <diagonal/>
    </border>
    <border>
      <left/>
      <right style="medium">
        <color indexed="64"/>
      </right>
      <top/>
      <bottom/>
      <diagonal/>
    </border>
    <border>
      <left/>
      <right style="thin">
        <color indexed="64"/>
      </right>
      <top style="thin">
        <color indexed="64"/>
      </top>
      <bottom/>
      <diagonal/>
    </border>
    <border>
      <left style="medium">
        <color indexed="64"/>
      </left>
      <right style="medium">
        <color indexed="64"/>
      </right>
      <top style="thin">
        <color indexed="64"/>
      </top>
      <bottom/>
      <diagonal/>
    </border>
    <border>
      <left style="medium">
        <color indexed="64"/>
      </left>
      <right style="medium">
        <color indexed="64"/>
      </right>
      <top style="thin">
        <color indexed="64"/>
      </top>
      <bottom style="medium">
        <color indexed="64"/>
      </bottom>
      <diagonal/>
    </border>
    <border>
      <left style="medium">
        <color indexed="64"/>
      </left>
      <right style="thin">
        <color indexed="64"/>
      </right>
      <top style="thin">
        <color indexed="64"/>
      </top>
      <bottom style="medium">
        <color indexed="64"/>
      </bottom>
      <diagonal/>
    </border>
    <border>
      <left/>
      <right style="thin">
        <color indexed="64"/>
      </right>
      <top style="thin">
        <color indexed="64"/>
      </top>
      <bottom style="medium">
        <color indexed="64"/>
      </bottom>
      <diagonal/>
    </border>
    <border>
      <left/>
      <right/>
      <top/>
      <bottom style="thin">
        <color indexed="64"/>
      </bottom>
      <diagonal/>
    </border>
    <border>
      <left/>
      <right style="medium">
        <color indexed="64"/>
      </right>
      <top style="thin">
        <color indexed="64"/>
      </top>
      <bottom style="medium">
        <color indexed="64"/>
      </bottom>
      <diagonal/>
    </border>
    <border>
      <left/>
      <right style="medium">
        <color indexed="64"/>
      </right>
      <top style="dashed">
        <color indexed="64"/>
      </top>
      <bottom style="thin">
        <color indexed="64"/>
      </bottom>
      <diagonal/>
    </border>
  </borders>
  <cellStyleXfs count="362">
    <xf numFmtId="0" fontId="0" fillId="0" borderId="0"/>
    <xf numFmtId="0" fontId="51" fillId="0" borderId="0"/>
    <xf numFmtId="0" fontId="49" fillId="2" borderId="1" applyNumberFormat="0" applyFont="0" applyAlignment="0" applyProtection="0">
      <alignment vertical="center"/>
    </xf>
    <xf numFmtId="0" fontId="49" fillId="2" borderId="1" applyNumberFormat="0" applyFont="0" applyAlignment="0" applyProtection="0">
      <alignment vertical="center"/>
    </xf>
    <xf numFmtId="0" fontId="49" fillId="2" borderId="1" applyNumberFormat="0" applyFont="0" applyAlignment="0" applyProtection="0">
      <alignment vertical="center"/>
    </xf>
    <xf numFmtId="0" fontId="50" fillId="0" borderId="0" applyNumberFormat="0" applyFill="0" applyBorder="0" applyAlignment="0" applyProtection="0">
      <alignment vertical="center"/>
    </xf>
    <xf numFmtId="9" fontId="49" fillId="0" borderId="0" applyFont="0" applyFill="0" applyBorder="0" applyAlignment="0" applyProtection="0">
      <alignment vertical="center"/>
    </xf>
    <xf numFmtId="9" fontId="49" fillId="0" borderId="0" applyFont="0" applyFill="0" applyBorder="0" applyAlignment="0" applyProtection="0">
      <alignment vertical="center"/>
    </xf>
    <xf numFmtId="9" fontId="49" fillId="0" borderId="0" applyFont="0" applyFill="0" applyBorder="0" applyAlignment="0" applyProtection="0">
      <alignment vertical="center"/>
    </xf>
    <xf numFmtId="9" fontId="49" fillId="0" borderId="0" applyFont="0" applyFill="0" applyBorder="0" applyAlignment="0" applyProtection="0">
      <alignment vertical="center"/>
    </xf>
    <xf numFmtId="9" fontId="49" fillId="0" borderId="0" applyFont="0" applyFill="0" applyBorder="0" applyAlignment="0" applyProtection="0">
      <alignment vertical="center"/>
    </xf>
    <xf numFmtId="9" fontId="49" fillId="0" borderId="0" applyFont="0" applyFill="0" applyBorder="0" applyAlignment="0" applyProtection="0">
      <alignment vertical="center"/>
    </xf>
    <xf numFmtId="0" fontId="49" fillId="2" borderId="1" applyNumberFormat="0" applyFont="0" applyAlignment="0" applyProtection="0">
      <alignment vertical="center"/>
    </xf>
    <xf numFmtId="0" fontId="49" fillId="2" borderId="1" applyNumberFormat="0" applyFont="0" applyAlignment="0" applyProtection="0">
      <alignment vertical="center"/>
    </xf>
    <xf numFmtId="0" fontId="49" fillId="2" borderId="1" applyNumberFormat="0" applyFont="0" applyAlignment="0" applyProtection="0">
      <alignment vertical="center"/>
    </xf>
    <xf numFmtId="0" fontId="49" fillId="2" borderId="1" applyNumberFormat="0" applyFont="0" applyAlignment="0" applyProtection="0">
      <alignment vertical="center"/>
    </xf>
    <xf numFmtId="0" fontId="49" fillId="2" borderId="1" applyNumberFormat="0" applyFont="0" applyAlignment="0" applyProtection="0">
      <alignment vertical="center"/>
    </xf>
    <xf numFmtId="0" fontId="49" fillId="2" borderId="1" applyNumberFormat="0" applyFont="0" applyAlignment="0" applyProtection="0">
      <alignment vertical="center"/>
    </xf>
    <xf numFmtId="0" fontId="49" fillId="2" borderId="1" applyNumberFormat="0" applyFont="0" applyAlignment="0" applyProtection="0">
      <alignment vertical="center"/>
    </xf>
    <xf numFmtId="0" fontId="49" fillId="2" borderId="1" applyNumberFormat="0" applyFont="0" applyAlignment="0" applyProtection="0">
      <alignment vertical="center"/>
    </xf>
    <xf numFmtId="0" fontId="49" fillId="2" borderId="1" applyNumberFormat="0" applyFont="0" applyAlignment="0" applyProtection="0">
      <alignment vertical="center"/>
    </xf>
    <xf numFmtId="0" fontId="49" fillId="2" borderId="1" applyNumberFormat="0" applyFont="0" applyAlignment="0" applyProtection="0">
      <alignment vertical="center"/>
    </xf>
    <xf numFmtId="0" fontId="49" fillId="2" borderId="1" applyNumberFormat="0" applyFont="0" applyAlignment="0" applyProtection="0">
      <alignment vertical="center"/>
    </xf>
    <xf numFmtId="0" fontId="49" fillId="2" borderId="1" applyNumberFormat="0" applyFont="0" applyAlignment="0" applyProtection="0">
      <alignment vertical="center"/>
    </xf>
    <xf numFmtId="0" fontId="49" fillId="2" borderId="1" applyNumberFormat="0" applyFont="0" applyAlignment="0" applyProtection="0">
      <alignment vertical="center"/>
    </xf>
    <xf numFmtId="0" fontId="49" fillId="2" borderId="1" applyNumberFormat="0" applyFont="0" applyAlignment="0" applyProtection="0">
      <alignment vertical="center"/>
    </xf>
    <xf numFmtId="0" fontId="49" fillId="2" borderId="1" applyNumberFormat="0" applyFont="0" applyAlignment="0" applyProtection="0">
      <alignment vertical="center"/>
    </xf>
    <xf numFmtId="0" fontId="49" fillId="2" borderId="1" applyNumberFormat="0" applyFont="0" applyAlignment="0" applyProtection="0">
      <alignment vertical="center"/>
    </xf>
    <xf numFmtId="38" fontId="56" fillId="0" borderId="0" applyFont="0" applyFill="0" applyBorder="0" applyAlignment="0" applyProtection="0"/>
    <xf numFmtId="38" fontId="56" fillId="0" borderId="0" applyFont="0" applyFill="0" applyBorder="0" applyAlignment="0" applyProtection="0">
      <alignment vertical="center"/>
    </xf>
    <xf numFmtId="38" fontId="56" fillId="0" borderId="0" applyFont="0" applyFill="0" applyBorder="0" applyAlignment="0" applyProtection="0">
      <alignment vertical="center"/>
    </xf>
    <xf numFmtId="183" fontId="66" fillId="0" borderId="0" applyFont="0" applyFill="0" applyBorder="0" applyAlignment="0" applyProtection="0"/>
    <xf numFmtId="41" fontId="66" fillId="0" borderId="0" applyFont="0" applyFill="0" applyBorder="0" applyAlignment="0" applyProtection="0"/>
    <xf numFmtId="38" fontId="49" fillId="0" borderId="0" applyFont="0" applyFill="0" applyBorder="0" applyAlignment="0" applyProtection="0">
      <alignment vertical="center"/>
    </xf>
    <xf numFmtId="38" fontId="49" fillId="0" borderId="0" applyFont="0" applyFill="0" applyBorder="0" applyAlignment="0" applyProtection="0">
      <alignment vertical="center"/>
    </xf>
    <xf numFmtId="38" fontId="49" fillId="0" borderId="0" applyFont="0" applyFill="0" applyBorder="0" applyAlignment="0" applyProtection="0">
      <alignment vertical="center"/>
    </xf>
    <xf numFmtId="38" fontId="49" fillId="0" borderId="0" applyFont="0" applyFill="0" applyBorder="0" applyAlignment="0" applyProtection="0">
      <alignment vertical="center"/>
    </xf>
    <xf numFmtId="38" fontId="49" fillId="0" borderId="0" applyFont="0" applyFill="0" applyBorder="0" applyAlignment="0" applyProtection="0">
      <alignment vertical="center"/>
    </xf>
    <xf numFmtId="38" fontId="49" fillId="0" borderId="0" applyFont="0" applyFill="0" applyBorder="0" applyAlignment="0" applyProtection="0">
      <alignment vertical="center"/>
    </xf>
    <xf numFmtId="38" fontId="67" fillId="0" borderId="0" applyFont="0" applyFill="0" applyBorder="0" applyAlignment="0" applyProtection="0">
      <alignment vertical="center"/>
    </xf>
    <xf numFmtId="0" fontId="56" fillId="0" borderId="0"/>
    <xf numFmtId="0" fontId="56" fillId="0" borderId="0"/>
    <xf numFmtId="0" fontId="49" fillId="0" borderId="0">
      <alignment vertical="center"/>
    </xf>
    <xf numFmtId="0" fontId="49" fillId="0" borderId="0">
      <alignment vertical="center"/>
    </xf>
    <xf numFmtId="0" fontId="49" fillId="0" borderId="0">
      <alignment vertical="center"/>
    </xf>
    <xf numFmtId="0" fontId="49" fillId="0" borderId="0">
      <alignment vertical="center"/>
    </xf>
    <xf numFmtId="0" fontId="49" fillId="0" borderId="0">
      <alignment vertical="center"/>
    </xf>
    <xf numFmtId="0" fontId="49" fillId="0" borderId="0">
      <alignment vertical="center"/>
    </xf>
    <xf numFmtId="0" fontId="49" fillId="0" borderId="0">
      <alignment vertical="center"/>
    </xf>
    <xf numFmtId="0" fontId="49" fillId="0" borderId="0">
      <alignment vertical="center"/>
    </xf>
    <xf numFmtId="0" fontId="49" fillId="0" borderId="0">
      <alignment vertical="center"/>
    </xf>
    <xf numFmtId="0" fontId="49" fillId="0" borderId="0">
      <alignment vertical="center"/>
    </xf>
    <xf numFmtId="0" fontId="67" fillId="0" borderId="0">
      <alignment vertical="center"/>
    </xf>
    <xf numFmtId="0" fontId="49" fillId="0" borderId="0">
      <alignment vertical="center"/>
    </xf>
    <xf numFmtId="0" fontId="49" fillId="0" borderId="0">
      <alignment vertical="center"/>
    </xf>
    <xf numFmtId="0" fontId="49" fillId="0" borderId="0">
      <alignment vertical="center"/>
    </xf>
    <xf numFmtId="0" fontId="49" fillId="0" borderId="0">
      <alignment vertical="center"/>
    </xf>
    <xf numFmtId="0" fontId="49" fillId="0" borderId="0">
      <alignment vertical="center"/>
    </xf>
    <xf numFmtId="0" fontId="49" fillId="0" borderId="0">
      <alignment vertical="center"/>
    </xf>
    <xf numFmtId="0" fontId="49" fillId="0" borderId="0">
      <alignment vertical="center"/>
    </xf>
    <xf numFmtId="0" fontId="68" fillId="0" borderId="0"/>
    <xf numFmtId="0" fontId="49" fillId="0" borderId="0">
      <alignment vertical="center"/>
    </xf>
    <xf numFmtId="0" fontId="49" fillId="0" borderId="0">
      <alignment vertical="center"/>
    </xf>
    <xf numFmtId="0" fontId="49" fillId="0" borderId="0">
      <alignment vertical="center"/>
    </xf>
    <xf numFmtId="0" fontId="49" fillId="0" borderId="0">
      <alignment vertical="center"/>
    </xf>
    <xf numFmtId="0" fontId="49" fillId="0" borderId="0">
      <alignment vertical="center"/>
    </xf>
    <xf numFmtId="0" fontId="49" fillId="0" borderId="0">
      <alignment vertical="center"/>
    </xf>
    <xf numFmtId="0" fontId="49" fillId="0" borderId="0">
      <alignment vertical="center"/>
    </xf>
    <xf numFmtId="0" fontId="49" fillId="0" borderId="0">
      <alignment vertical="center"/>
    </xf>
    <xf numFmtId="0" fontId="49" fillId="0" borderId="0">
      <alignment vertical="center"/>
    </xf>
    <xf numFmtId="0" fontId="49" fillId="0" borderId="0">
      <alignment vertical="center"/>
    </xf>
    <xf numFmtId="0" fontId="49" fillId="0" borderId="0">
      <alignment vertical="center"/>
    </xf>
    <xf numFmtId="0" fontId="49" fillId="0" borderId="0">
      <alignment vertical="center"/>
    </xf>
    <xf numFmtId="0" fontId="49" fillId="0" borderId="0">
      <alignment vertical="center"/>
    </xf>
    <xf numFmtId="0" fontId="49" fillId="0" borderId="0">
      <alignment vertical="center"/>
    </xf>
    <xf numFmtId="0" fontId="49" fillId="0" borderId="0">
      <alignment vertical="center"/>
    </xf>
    <xf numFmtId="0" fontId="49" fillId="0" borderId="0">
      <alignment vertical="center"/>
    </xf>
    <xf numFmtId="0" fontId="49" fillId="0" borderId="0">
      <alignment vertical="center"/>
    </xf>
    <xf numFmtId="0" fontId="49" fillId="0" borderId="0">
      <alignment vertical="center"/>
    </xf>
    <xf numFmtId="0" fontId="49" fillId="0" borderId="0">
      <alignment vertical="center"/>
    </xf>
    <xf numFmtId="0" fontId="49" fillId="0" borderId="0">
      <alignment vertical="center"/>
    </xf>
    <xf numFmtId="0" fontId="49" fillId="0" borderId="0">
      <alignment vertical="center"/>
    </xf>
    <xf numFmtId="0" fontId="49" fillId="0" borderId="0">
      <alignment vertical="center"/>
    </xf>
    <xf numFmtId="0" fontId="49" fillId="0" borderId="0">
      <alignment vertical="center"/>
    </xf>
    <xf numFmtId="0" fontId="49" fillId="0" borderId="0">
      <alignment vertical="center"/>
    </xf>
    <xf numFmtId="0" fontId="49" fillId="0" borderId="0">
      <alignment vertical="center"/>
    </xf>
    <xf numFmtId="0" fontId="49" fillId="0" borderId="0">
      <alignment vertical="center"/>
    </xf>
    <xf numFmtId="0" fontId="49" fillId="0" borderId="0">
      <alignment vertical="center"/>
    </xf>
    <xf numFmtId="0" fontId="49" fillId="0" borderId="0">
      <alignment vertical="center"/>
    </xf>
    <xf numFmtId="0" fontId="49" fillId="0" borderId="0">
      <alignment vertical="center"/>
    </xf>
    <xf numFmtId="0" fontId="49" fillId="0" borderId="0">
      <alignment vertical="center"/>
    </xf>
    <xf numFmtId="0" fontId="49" fillId="0" borderId="0">
      <alignment vertical="center"/>
    </xf>
    <xf numFmtId="0" fontId="49" fillId="0" borderId="0">
      <alignment vertical="center"/>
    </xf>
    <xf numFmtId="0" fontId="49" fillId="0" borderId="0">
      <alignment vertical="center"/>
    </xf>
    <xf numFmtId="0" fontId="49" fillId="0" borderId="0">
      <alignment vertical="center"/>
    </xf>
    <xf numFmtId="0" fontId="49" fillId="0" borderId="0">
      <alignment vertical="center"/>
    </xf>
    <xf numFmtId="0" fontId="49" fillId="0" borderId="0">
      <alignment vertical="center"/>
    </xf>
    <xf numFmtId="0" fontId="49" fillId="0" borderId="0">
      <alignment vertical="center"/>
    </xf>
    <xf numFmtId="0" fontId="49" fillId="0" borderId="0">
      <alignment vertical="center"/>
    </xf>
    <xf numFmtId="0" fontId="49" fillId="0" borderId="0">
      <alignment vertical="center"/>
    </xf>
    <xf numFmtId="0" fontId="49" fillId="0" borderId="0">
      <alignment vertical="center"/>
    </xf>
    <xf numFmtId="0" fontId="49" fillId="0" borderId="0">
      <alignment vertical="center"/>
    </xf>
    <xf numFmtId="0" fontId="49" fillId="0" borderId="0">
      <alignment vertical="center"/>
    </xf>
    <xf numFmtId="0" fontId="49" fillId="0" borderId="0">
      <alignment vertical="center"/>
    </xf>
    <xf numFmtId="0" fontId="49" fillId="0" borderId="0">
      <alignment vertical="center"/>
    </xf>
    <xf numFmtId="0" fontId="49" fillId="0" borderId="0">
      <alignment vertical="center"/>
    </xf>
    <xf numFmtId="0" fontId="49" fillId="0" borderId="0">
      <alignment vertical="center"/>
    </xf>
    <xf numFmtId="0" fontId="49" fillId="0" borderId="0">
      <alignment vertical="center"/>
    </xf>
    <xf numFmtId="0" fontId="49" fillId="0" borderId="0">
      <alignment vertical="center"/>
    </xf>
    <xf numFmtId="0" fontId="49" fillId="0" borderId="0">
      <alignment vertical="center"/>
    </xf>
    <xf numFmtId="0" fontId="49" fillId="0" borderId="0">
      <alignment vertical="center"/>
    </xf>
    <xf numFmtId="0" fontId="49" fillId="0" borderId="0">
      <alignment vertical="center"/>
    </xf>
    <xf numFmtId="0" fontId="49" fillId="0" borderId="0">
      <alignment vertical="center"/>
    </xf>
    <xf numFmtId="0" fontId="49" fillId="0" borderId="0">
      <alignment vertical="center"/>
    </xf>
    <xf numFmtId="0" fontId="67" fillId="0" borderId="0">
      <alignment vertical="center"/>
    </xf>
    <xf numFmtId="0" fontId="49" fillId="0" borderId="0">
      <alignment vertical="center"/>
    </xf>
    <xf numFmtId="0" fontId="48" fillId="2" borderId="1" applyNumberFormat="0" applyFont="0" applyAlignment="0" applyProtection="0">
      <alignment vertical="center"/>
    </xf>
    <xf numFmtId="0" fontId="47" fillId="0" borderId="0">
      <alignment vertical="center"/>
    </xf>
    <xf numFmtId="0" fontId="47" fillId="0" borderId="0">
      <alignment vertical="center"/>
    </xf>
    <xf numFmtId="0" fontId="47" fillId="2" borderId="1" applyNumberFormat="0" applyFont="0" applyAlignment="0" applyProtection="0">
      <alignment vertical="center"/>
    </xf>
    <xf numFmtId="0" fontId="47" fillId="2" borderId="1" applyNumberFormat="0" applyFont="0" applyAlignment="0" applyProtection="0">
      <alignment vertical="center"/>
    </xf>
    <xf numFmtId="0" fontId="46" fillId="0" borderId="0">
      <alignment vertical="center"/>
    </xf>
    <xf numFmtId="0" fontId="46" fillId="0" borderId="0">
      <alignment vertical="center"/>
    </xf>
    <xf numFmtId="0" fontId="46" fillId="0" borderId="0">
      <alignment vertical="center"/>
    </xf>
    <xf numFmtId="0" fontId="46" fillId="0" borderId="0">
      <alignment vertical="center"/>
    </xf>
    <xf numFmtId="0" fontId="46" fillId="0" borderId="0">
      <alignment vertical="center"/>
    </xf>
    <xf numFmtId="0" fontId="46" fillId="2" borderId="1" applyNumberFormat="0" applyFont="0" applyAlignment="0" applyProtection="0">
      <alignment vertical="center"/>
    </xf>
    <xf numFmtId="0" fontId="46" fillId="0" borderId="0">
      <alignment vertical="center"/>
    </xf>
    <xf numFmtId="38" fontId="46" fillId="0" borderId="0" applyFont="0" applyFill="0" applyBorder="0" applyAlignment="0" applyProtection="0">
      <alignment vertical="center"/>
    </xf>
    <xf numFmtId="9" fontId="46" fillId="0" borderId="0" applyFont="0" applyFill="0" applyBorder="0" applyAlignment="0" applyProtection="0">
      <alignment vertical="center"/>
    </xf>
    <xf numFmtId="0" fontId="46" fillId="0" borderId="0">
      <alignment vertical="center"/>
    </xf>
    <xf numFmtId="0" fontId="46" fillId="2" borderId="1" applyNumberFormat="0" applyFont="0" applyAlignment="0" applyProtection="0">
      <alignment vertical="center"/>
    </xf>
    <xf numFmtId="0" fontId="46" fillId="0" borderId="0">
      <alignment vertical="center"/>
    </xf>
    <xf numFmtId="0" fontId="46" fillId="0" borderId="0">
      <alignment vertical="center"/>
    </xf>
    <xf numFmtId="0" fontId="46" fillId="2" borderId="1" applyNumberFormat="0" applyFont="0" applyAlignment="0" applyProtection="0">
      <alignment vertical="center"/>
    </xf>
    <xf numFmtId="38" fontId="45" fillId="0" borderId="0" applyFont="0" applyFill="0" applyBorder="0" applyAlignment="0" applyProtection="0">
      <alignment vertical="center"/>
    </xf>
    <xf numFmtId="0" fontId="44" fillId="0" borderId="0">
      <alignment vertical="center"/>
    </xf>
    <xf numFmtId="0" fontId="43" fillId="0" borderId="0">
      <alignment vertical="center"/>
    </xf>
    <xf numFmtId="38" fontId="43" fillId="0" borderId="0" applyFont="0" applyFill="0" applyBorder="0" applyAlignment="0" applyProtection="0">
      <alignment vertical="center"/>
    </xf>
    <xf numFmtId="0" fontId="71" fillId="0" borderId="0"/>
    <xf numFmtId="38" fontId="71" fillId="0" borderId="0" applyFont="0" applyFill="0" applyBorder="0" applyAlignment="0" applyProtection="0">
      <alignment vertical="center"/>
    </xf>
    <xf numFmtId="0" fontId="42" fillId="2" borderId="1" applyNumberFormat="0" applyFont="0" applyAlignment="0" applyProtection="0">
      <alignment vertical="center"/>
    </xf>
    <xf numFmtId="0" fontId="42" fillId="2" borderId="1" applyNumberFormat="0" applyFont="0" applyAlignment="0" applyProtection="0">
      <alignment vertical="center"/>
    </xf>
    <xf numFmtId="0" fontId="42" fillId="0" borderId="0">
      <alignment vertical="center"/>
    </xf>
    <xf numFmtId="38" fontId="42" fillId="0" borderId="0" applyFont="0" applyFill="0" applyBorder="0" applyAlignment="0" applyProtection="0">
      <alignment vertical="center"/>
    </xf>
    <xf numFmtId="0" fontId="41" fillId="0" borderId="0">
      <alignment vertical="center"/>
    </xf>
    <xf numFmtId="0" fontId="41" fillId="0" borderId="0">
      <alignment vertical="center"/>
    </xf>
    <xf numFmtId="0" fontId="41" fillId="2" borderId="1" applyNumberFormat="0" applyFont="0" applyAlignment="0" applyProtection="0">
      <alignment vertical="center"/>
    </xf>
    <xf numFmtId="0" fontId="41" fillId="2" borderId="1" applyNumberFormat="0" applyFont="0" applyAlignment="0" applyProtection="0">
      <alignment vertical="center"/>
    </xf>
    <xf numFmtId="0" fontId="40" fillId="0" borderId="0">
      <alignment vertical="center"/>
    </xf>
    <xf numFmtId="0" fontId="40" fillId="2" borderId="1" applyNumberFormat="0" applyFont="0" applyAlignment="0" applyProtection="0">
      <alignment vertical="center"/>
    </xf>
    <xf numFmtId="0" fontId="40" fillId="2" borderId="1" applyNumberFormat="0" applyFont="0" applyAlignment="0" applyProtection="0">
      <alignment vertical="center"/>
    </xf>
    <xf numFmtId="0" fontId="40" fillId="2" borderId="1" applyNumberFormat="0" applyFont="0" applyAlignment="0" applyProtection="0">
      <alignment vertical="center"/>
    </xf>
    <xf numFmtId="9" fontId="40" fillId="0" borderId="0" applyFont="0" applyFill="0" applyBorder="0" applyAlignment="0" applyProtection="0">
      <alignment vertical="center"/>
    </xf>
    <xf numFmtId="9" fontId="40" fillId="0" borderId="0" applyFont="0" applyFill="0" applyBorder="0" applyAlignment="0" applyProtection="0">
      <alignment vertical="center"/>
    </xf>
    <xf numFmtId="9" fontId="40" fillId="0" borderId="0" applyFont="0" applyFill="0" applyBorder="0" applyAlignment="0" applyProtection="0">
      <alignment vertical="center"/>
    </xf>
    <xf numFmtId="9" fontId="40" fillId="0" borderId="0" applyFont="0" applyFill="0" applyBorder="0" applyAlignment="0" applyProtection="0">
      <alignment vertical="center"/>
    </xf>
    <xf numFmtId="9" fontId="40" fillId="0" borderId="0" applyFont="0" applyFill="0" applyBorder="0" applyAlignment="0" applyProtection="0">
      <alignment vertical="center"/>
    </xf>
    <xf numFmtId="9" fontId="40" fillId="0" borderId="0" applyFont="0" applyFill="0" applyBorder="0" applyAlignment="0" applyProtection="0">
      <alignment vertical="center"/>
    </xf>
    <xf numFmtId="0" fontId="40" fillId="2" borderId="1" applyNumberFormat="0" applyFont="0" applyAlignment="0" applyProtection="0">
      <alignment vertical="center"/>
    </xf>
    <xf numFmtId="0" fontId="40" fillId="2" borderId="1" applyNumberFormat="0" applyFont="0" applyAlignment="0" applyProtection="0">
      <alignment vertical="center"/>
    </xf>
    <xf numFmtId="0" fontId="40" fillId="2" borderId="1" applyNumberFormat="0" applyFont="0" applyAlignment="0" applyProtection="0">
      <alignment vertical="center"/>
    </xf>
    <xf numFmtId="0" fontId="40" fillId="2" borderId="1" applyNumberFormat="0" applyFont="0" applyAlignment="0" applyProtection="0">
      <alignment vertical="center"/>
    </xf>
    <xf numFmtId="0" fontId="40" fillId="2" borderId="1" applyNumberFormat="0" applyFont="0" applyAlignment="0" applyProtection="0">
      <alignment vertical="center"/>
    </xf>
    <xf numFmtId="0" fontId="40" fillId="2" borderId="1" applyNumberFormat="0" applyFont="0" applyAlignment="0" applyProtection="0">
      <alignment vertical="center"/>
    </xf>
    <xf numFmtId="0" fontId="40" fillId="2" borderId="1" applyNumberFormat="0" applyFont="0" applyAlignment="0" applyProtection="0">
      <alignment vertical="center"/>
    </xf>
    <xf numFmtId="0" fontId="40" fillId="2" borderId="1" applyNumberFormat="0" applyFont="0" applyAlignment="0" applyProtection="0">
      <alignment vertical="center"/>
    </xf>
    <xf numFmtId="0" fontId="40" fillId="2" borderId="1" applyNumberFormat="0" applyFont="0" applyAlignment="0" applyProtection="0">
      <alignment vertical="center"/>
    </xf>
    <xf numFmtId="0" fontId="40" fillId="2" borderId="1" applyNumberFormat="0" applyFont="0" applyAlignment="0" applyProtection="0">
      <alignment vertical="center"/>
    </xf>
    <xf numFmtId="0" fontId="40" fillId="2" borderId="1" applyNumberFormat="0" applyFont="0" applyAlignment="0" applyProtection="0">
      <alignment vertical="center"/>
    </xf>
    <xf numFmtId="0" fontId="40" fillId="2" borderId="1" applyNumberFormat="0" applyFont="0" applyAlignment="0" applyProtection="0">
      <alignment vertical="center"/>
    </xf>
    <xf numFmtId="0" fontId="40" fillId="2" borderId="1" applyNumberFormat="0" applyFont="0" applyAlignment="0" applyProtection="0">
      <alignment vertical="center"/>
    </xf>
    <xf numFmtId="0" fontId="40" fillId="2" borderId="1" applyNumberFormat="0" applyFont="0" applyAlignment="0" applyProtection="0">
      <alignment vertical="center"/>
    </xf>
    <xf numFmtId="0" fontId="40" fillId="2" borderId="1" applyNumberFormat="0" applyFont="0" applyAlignment="0" applyProtection="0">
      <alignment vertical="center"/>
    </xf>
    <xf numFmtId="0" fontId="40" fillId="2" borderId="1" applyNumberFormat="0" applyFont="0" applyAlignment="0" applyProtection="0">
      <alignment vertical="center"/>
    </xf>
    <xf numFmtId="41" fontId="66" fillId="0" borderId="0" applyFont="0" applyFill="0" applyBorder="0" applyAlignment="0" applyProtection="0"/>
    <xf numFmtId="38" fontId="40" fillId="0" borderId="0" applyFont="0" applyFill="0" applyBorder="0" applyAlignment="0" applyProtection="0">
      <alignment vertical="center"/>
    </xf>
    <xf numFmtId="38" fontId="40" fillId="0" borderId="0" applyFont="0" applyFill="0" applyBorder="0" applyAlignment="0" applyProtection="0">
      <alignment vertical="center"/>
    </xf>
    <xf numFmtId="38" fontId="40" fillId="0" borderId="0" applyFont="0" applyFill="0" applyBorder="0" applyAlignment="0" applyProtection="0">
      <alignment vertical="center"/>
    </xf>
    <xf numFmtId="38" fontId="40" fillId="0" borderId="0" applyFont="0" applyFill="0" applyBorder="0" applyAlignment="0" applyProtection="0">
      <alignment vertical="center"/>
    </xf>
    <xf numFmtId="38" fontId="40" fillId="0" borderId="0" applyFont="0" applyFill="0" applyBorder="0" applyAlignment="0" applyProtection="0">
      <alignment vertical="center"/>
    </xf>
    <xf numFmtId="38" fontId="40" fillId="0" borderId="0" applyFont="0" applyFill="0" applyBorder="0" applyAlignment="0" applyProtection="0">
      <alignment vertical="center"/>
    </xf>
    <xf numFmtId="0" fontId="40" fillId="0" borderId="0">
      <alignment vertical="center"/>
    </xf>
    <xf numFmtId="0" fontId="40" fillId="0" borderId="0">
      <alignment vertical="center"/>
    </xf>
    <xf numFmtId="0" fontId="40" fillId="0" borderId="0">
      <alignment vertical="center"/>
    </xf>
    <xf numFmtId="0" fontId="40" fillId="0" borderId="0">
      <alignment vertical="center"/>
    </xf>
    <xf numFmtId="0" fontId="40" fillId="0" borderId="0">
      <alignment vertical="center"/>
    </xf>
    <xf numFmtId="0" fontId="40" fillId="0" borderId="0">
      <alignment vertical="center"/>
    </xf>
    <xf numFmtId="0" fontId="40" fillId="0" borderId="0">
      <alignment vertical="center"/>
    </xf>
    <xf numFmtId="0" fontId="40" fillId="0" borderId="0">
      <alignment vertical="center"/>
    </xf>
    <xf numFmtId="0" fontId="40" fillId="0" borderId="0">
      <alignment vertical="center"/>
    </xf>
    <xf numFmtId="0" fontId="40" fillId="0" borderId="0">
      <alignment vertical="center"/>
    </xf>
    <xf numFmtId="0" fontId="40" fillId="0" borderId="0">
      <alignment vertical="center"/>
    </xf>
    <xf numFmtId="0" fontId="40" fillId="0" borderId="0">
      <alignment vertical="center"/>
    </xf>
    <xf numFmtId="0" fontId="40" fillId="0" borderId="0">
      <alignment vertical="center"/>
    </xf>
    <xf numFmtId="0" fontId="40" fillId="0" borderId="0">
      <alignment vertical="center"/>
    </xf>
    <xf numFmtId="0" fontId="40" fillId="0" borderId="0">
      <alignment vertical="center"/>
    </xf>
    <xf numFmtId="0" fontId="40" fillId="0" borderId="0">
      <alignment vertical="center"/>
    </xf>
    <xf numFmtId="0" fontId="40" fillId="0" borderId="0">
      <alignment vertical="center"/>
    </xf>
    <xf numFmtId="0" fontId="40" fillId="0" borderId="0">
      <alignment vertical="center"/>
    </xf>
    <xf numFmtId="0" fontId="40" fillId="0" borderId="0">
      <alignment vertical="center"/>
    </xf>
    <xf numFmtId="0" fontId="40" fillId="0" borderId="0">
      <alignment vertical="center"/>
    </xf>
    <xf numFmtId="0" fontId="40" fillId="0" borderId="0">
      <alignment vertical="center"/>
    </xf>
    <xf numFmtId="0" fontId="40" fillId="0" borderId="0">
      <alignment vertical="center"/>
    </xf>
    <xf numFmtId="0" fontId="40" fillId="0" borderId="0">
      <alignment vertical="center"/>
    </xf>
    <xf numFmtId="0" fontId="40" fillId="0" borderId="0">
      <alignment vertical="center"/>
    </xf>
    <xf numFmtId="0" fontId="40" fillId="0" borderId="0">
      <alignment vertical="center"/>
    </xf>
    <xf numFmtId="0" fontId="40" fillId="0" borderId="0">
      <alignment vertical="center"/>
    </xf>
    <xf numFmtId="0" fontId="40" fillId="0" borderId="0">
      <alignment vertical="center"/>
    </xf>
    <xf numFmtId="0" fontId="40" fillId="0" borderId="0">
      <alignment vertical="center"/>
    </xf>
    <xf numFmtId="0" fontId="40" fillId="0" borderId="0">
      <alignment vertical="center"/>
    </xf>
    <xf numFmtId="0" fontId="40" fillId="0" borderId="0">
      <alignment vertical="center"/>
    </xf>
    <xf numFmtId="0" fontId="40" fillId="0" borderId="0">
      <alignment vertical="center"/>
    </xf>
    <xf numFmtId="0" fontId="40" fillId="0" borderId="0">
      <alignment vertical="center"/>
    </xf>
    <xf numFmtId="0" fontId="40" fillId="0" borderId="0">
      <alignment vertical="center"/>
    </xf>
    <xf numFmtId="0" fontId="40" fillId="0" borderId="0">
      <alignment vertical="center"/>
    </xf>
    <xf numFmtId="0" fontId="40" fillId="0" borderId="0">
      <alignment vertical="center"/>
    </xf>
    <xf numFmtId="0" fontId="40" fillId="0" borderId="0">
      <alignment vertical="center"/>
    </xf>
    <xf numFmtId="0" fontId="40" fillId="0" borderId="0">
      <alignment vertical="center"/>
    </xf>
    <xf numFmtId="0" fontId="40" fillId="0" borderId="0">
      <alignment vertical="center"/>
    </xf>
    <xf numFmtId="0" fontId="40" fillId="0" borderId="0">
      <alignment vertical="center"/>
    </xf>
    <xf numFmtId="0" fontId="40" fillId="0" borderId="0">
      <alignment vertical="center"/>
    </xf>
    <xf numFmtId="0" fontId="40" fillId="0" borderId="0">
      <alignment vertical="center"/>
    </xf>
    <xf numFmtId="0" fontId="40" fillId="0" borderId="0">
      <alignment vertical="center"/>
    </xf>
    <xf numFmtId="0" fontId="40" fillId="0" borderId="0">
      <alignment vertical="center"/>
    </xf>
    <xf numFmtId="0" fontId="40" fillId="0" borderId="0">
      <alignment vertical="center"/>
    </xf>
    <xf numFmtId="0" fontId="40" fillId="0" borderId="0">
      <alignment vertical="center"/>
    </xf>
    <xf numFmtId="0" fontId="40" fillId="0" borderId="0">
      <alignment vertical="center"/>
    </xf>
    <xf numFmtId="0" fontId="40" fillId="0" borderId="0">
      <alignment vertical="center"/>
    </xf>
    <xf numFmtId="0" fontId="40" fillId="0" borderId="0">
      <alignment vertical="center"/>
    </xf>
    <xf numFmtId="0" fontId="40" fillId="0" borderId="0">
      <alignment vertical="center"/>
    </xf>
    <xf numFmtId="0" fontId="40" fillId="0" borderId="0">
      <alignment vertical="center"/>
    </xf>
    <xf numFmtId="0" fontId="40" fillId="0" borderId="0">
      <alignment vertical="center"/>
    </xf>
    <xf numFmtId="0" fontId="40" fillId="0" borderId="0">
      <alignment vertical="center"/>
    </xf>
    <xf numFmtId="0" fontId="40" fillId="0" borderId="0">
      <alignment vertical="center"/>
    </xf>
    <xf numFmtId="0" fontId="40" fillId="0" borderId="0">
      <alignment vertical="center"/>
    </xf>
    <xf numFmtId="0" fontId="40" fillId="0" borderId="0">
      <alignment vertical="center"/>
    </xf>
    <xf numFmtId="0" fontId="40" fillId="0" borderId="0">
      <alignment vertical="center"/>
    </xf>
    <xf numFmtId="0" fontId="40" fillId="0" borderId="0">
      <alignment vertical="center"/>
    </xf>
    <xf numFmtId="0" fontId="40" fillId="0" borderId="0">
      <alignment vertical="center"/>
    </xf>
    <xf numFmtId="0" fontId="40" fillId="0" borderId="0">
      <alignment vertical="center"/>
    </xf>
    <xf numFmtId="0" fontId="40" fillId="0" borderId="0">
      <alignment vertical="center"/>
    </xf>
    <xf numFmtId="0" fontId="40" fillId="0" borderId="0">
      <alignment vertical="center"/>
    </xf>
    <xf numFmtId="0" fontId="40" fillId="0" borderId="0">
      <alignment vertical="center"/>
    </xf>
    <xf numFmtId="0" fontId="40" fillId="0" borderId="0">
      <alignment vertical="center"/>
    </xf>
    <xf numFmtId="0" fontId="40" fillId="0" borderId="0">
      <alignment vertical="center"/>
    </xf>
    <xf numFmtId="0" fontId="40" fillId="0" borderId="0">
      <alignment vertical="center"/>
    </xf>
    <xf numFmtId="0" fontId="40" fillId="0" borderId="0">
      <alignment vertical="center"/>
    </xf>
    <xf numFmtId="0" fontId="40" fillId="0" borderId="0">
      <alignment vertical="center"/>
    </xf>
    <xf numFmtId="0" fontId="40" fillId="0" borderId="0">
      <alignment vertical="center"/>
    </xf>
    <xf numFmtId="0" fontId="40" fillId="0" borderId="0">
      <alignment vertical="center"/>
    </xf>
    <xf numFmtId="0" fontId="40" fillId="0" borderId="0">
      <alignment vertical="center"/>
    </xf>
    <xf numFmtId="0" fontId="40" fillId="2" borderId="1" applyNumberFormat="0" applyFont="0" applyAlignment="0" applyProtection="0">
      <alignment vertical="center"/>
    </xf>
    <xf numFmtId="0" fontId="40" fillId="0" borderId="0">
      <alignment vertical="center"/>
    </xf>
    <xf numFmtId="0" fontId="40" fillId="0" borderId="0">
      <alignment vertical="center"/>
    </xf>
    <xf numFmtId="0" fontId="40" fillId="2" borderId="1" applyNumberFormat="0" applyFont="0" applyAlignment="0" applyProtection="0">
      <alignment vertical="center"/>
    </xf>
    <xf numFmtId="0" fontId="40" fillId="2" borderId="1" applyNumberFormat="0" applyFont="0" applyAlignment="0" applyProtection="0">
      <alignment vertical="center"/>
    </xf>
    <xf numFmtId="0" fontId="40" fillId="0" borderId="0">
      <alignment vertical="center"/>
    </xf>
    <xf numFmtId="0" fontId="40" fillId="0" borderId="0">
      <alignment vertical="center"/>
    </xf>
    <xf numFmtId="0" fontId="40" fillId="0" borderId="0">
      <alignment vertical="center"/>
    </xf>
    <xf numFmtId="0" fontId="40" fillId="0" borderId="0">
      <alignment vertical="center"/>
    </xf>
    <xf numFmtId="0" fontId="40" fillId="0" borderId="0">
      <alignment vertical="center"/>
    </xf>
    <xf numFmtId="0" fontId="40" fillId="2" borderId="1" applyNumberFormat="0" applyFont="0" applyAlignment="0" applyProtection="0">
      <alignment vertical="center"/>
    </xf>
    <xf numFmtId="0" fontId="40" fillId="0" borderId="0">
      <alignment vertical="center"/>
    </xf>
    <xf numFmtId="38" fontId="40" fillId="0" borderId="0" applyFont="0" applyFill="0" applyBorder="0" applyAlignment="0" applyProtection="0">
      <alignment vertical="center"/>
    </xf>
    <xf numFmtId="9" fontId="40" fillId="0" borderId="0" applyFont="0" applyFill="0" applyBorder="0" applyAlignment="0" applyProtection="0">
      <alignment vertical="center"/>
    </xf>
    <xf numFmtId="0" fontId="40" fillId="0" borderId="0">
      <alignment vertical="center"/>
    </xf>
    <xf numFmtId="0" fontId="40" fillId="2" borderId="1" applyNumberFormat="0" applyFont="0" applyAlignment="0" applyProtection="0">
      <alignment vertical="center"/>
    </xf>
    <xf numFmtId="0" fontId="40" fillId="0" borderId="0">
      <alignment vertical="center"/>
    </xf>
    <xf numFmtId="0" fontId="40" fillId="0" borderId="0">
      <alignment vertical="center"/>
    </xf>
    <xf numFmtId="0" fontId="40" fillId="2" borderId="1" applyNumberFormat="0" applyFont="0" applyAlignment="0" applyProtection="0">
      <alignment vertical="center"/>
    </xf>
    <xf numFmtId="0" fontId="72" fillId="0" borderId="0"/>
    <xf numFmtId="183" fontId="72" fillId="0" borderId="0" applyFont="0" applyFill="0" applyBorder="0" applyAlignment="0" applyProtection="0"/>
    <xf numFmtId="0" fontId="39" fillId="2" borderId="1" applyNumberFormat="0" applyFont="0" applyAlignment="0" applyProtection="0">
      <alignment vertical="center"/>
    </xf>
    <xf numFmtId="0" fontId="39" fillId="2" borderId="1" applyNumberFormat="0" applyFont="0" applyAlignment="0" applyProtection="0">
      <alignment vertical="center"/>
    </xf>
    <xf numFmtId="0" fontId="38" fillId="2" borderId="1" applyNumberFormat="0" applyFont="0" applyAlignment="0" applyProtection="0">
      <alignment vertical="center"/>
    </xf>
    <xf numFmtId="0" fontId="38" fillId="2" borderId="1" applyNumberFormat="0" applyFont="0" applyAlignment="0" applyProtection="0">
      <alignment vertical="center"/>
    </xf>
    <xf numFmtId="0" fontId="37" fillId="0" borderId="0">
      <alignment vertical="center"/>
    </xf>
    <xf numFmtId="38" fontId="37" fillId="0" borderId="0" applyFont="0" applyFill="0" applyBorder="0" applyAlignment="0" applyProtection="0">
      <alignment vertical="center"/>
    </xf>
    <xf numFmtId="0" fontId="36" fillId="0" borderId="0">
      <alignment vertical="center"/>
    </xf>
    <xf numFmtId="38" fontId="36" fillId="0" borderId="0" applyFont="0" applyFill="0" applyBorder="0" applyAlignment="0" applyProtection="0">
      <alignment vertical="center"/>
    </xf>
    <xf numFmtId="0" fontId="35" fillId="0" borderId="0">
      <alignment vertical="center"/>
    </xf>
    <xf numFmtId="38" fontId="35" fillId="0" borderId="0" applyFont="0" applyFill="0" applyBorder="0" applyAlignment="0" applyProtection="0">
      <alignment vertical="center"/>
    </xf>
    <xf numFmtId="38" fontId="34" fillId="0" borderId="0" applyFont="0" applyFill="0" applyBorder="0" applyAlignment="0" applyProtection="0">
      <alignment vertical="center"/>
    </xf>
    <xf numFmtId="0" fontId="34" fillId="0" borderId="0">
      <alignment vertical="center"/>
    </xf>
    <xf numFmtId="0" fontId="33" fillId="0" borderId="0">
      <alignment vertical="center"/>
    </xf>
    <xf numFmtId="0" fontId="32" fillId="0" borderId="0">
      <alignment vertical="center"/>
    </xf>
    <xf numFmtId="0" fontId="32" fillId="0" borderId="0">
      <alignment vertical="center"/>
    </xf>
    <xf numFmtId="0" fontId="32" fillId="2" borderId="1" applyNumberFormat="0" applyFont="0" applyAlignment="0" applyProtection="0">
      <alignment vertical="center"/>
    </xf>
    <xf numFmtId="0" fontId="32" fillId="2" borderId="1" applyNumberFormat="0" applyFont="0" applyAlignment="0" applyProtection="0">
      <alignment vertical="center"/>
    </xf>
    <xf numFmtId="0" fontId="31" fillId="0" borderId="0">
      <alignment vertical="center"/>
    </xf>
    <xf numFmtId="38" fontId="31" fillId="0" borderId="0" applyFont="0" applyFill="0" applyBorder="0" applyAlignment="0" applyProtection="0">
      <alignment vertical="center"/>
    </xf>
    <xf numFmtId="0" fontId="30" fillId="0" borderId="0">
      <alignment vertical="center"/>
    </xf>
    <xf numFmtId="38" fontId="30" fillId="0" borderId="0" applyFont="0" applyFill="0" applyBorder="0" applyAlignment="0" applyProtection="0">
      <alignment vertical="center"/>
    </xf>
    <xf numFmtId="0" fontId="29" fillId="0" borderId="0">
      <alignment vertical="center"/>
    </xf>
    <xf numFmtId="38" fontId="29" fillId="0" borderId="0" applyFont="0" applyFill="0" applyBorder="0" applyAlignment="0" applyProtection="0">
      <alignment vertical="center"/>
    </xf>
    <xf numFmtId="0" fontId="28" fillId="0" borderId="0">
      <alignment vertical="center"/>
    </xf>
    <xf numFmtId="0" fontId="28" fillId="2" borderId="1" applyNumberFormat="0" applyFont="0" applyAlignment="0" applyProtection="0">
      <alignment vertical="center"/>
    </xf>
    <xf numFmtId="0" fontId="28" fillId="2" borderId="1" applyNumberFormat="0" applyFont="0" applyAlignment="0" applyProtection="0">
      <alignment vertical="center"/>
    </xf>
    <xf numFmtId="0" fontId="27" fillId="0" borderId="0">
      <alignment vertical="center"/>
    </xf>
    <xf numFmtId="38" fontId="27" fillId="0" borderId="0" applyFont="0" applyFill="0" applyBorder="0" applyAlignment="0" applyProtection="0">
      <alignment vertical="center"/>
    </xf>
    <xf numFmtId="0" fontId="26" fillId="0" borderId="0">
      <alignment vertical="center"/>
    </xf>
    <xf numFmtId="38" fontId="26" fillId="0" borderId="0" applyFont="0" applyFill="0" applyBorder="0" applyAlignment="0" applyProtection="0">
      <alignment vertical="center"/>
    </xf>
    <xf numFmtId="0" fontId="25" fillId="0" borderId="0">
      <alignment vertical="center"/>
    </xf>
    <xf numFmtId="38" fontId="25" fillId="0" borderId="0" applyFont="0" applyFill="0" applyBorder="0" applyAlignment="0" applyProtection="0">
      <alignment vertical="center"/>
    </xf>
    <xf numFmtId="0" fontId="24" fillId="0" borderId="0">
      <alignment vertical="center"/>
    </xf>
    <xf numFmtId="38" fontId="24" fillId="0" borderId="0" applyFont="0" applyFill="0" applyBorder="0" applyAlignment="0" applyProtection="0">
      <alignment vertical="center"/>
    </xf>
    <xf numFmtId="0" fontId="23" fillId="0" borderId="0">
      <alignment vertical="center"/>
    </xf>
    <xf numFmtId="38" fontId="23" fillId="0" borderId="0" applyFont="0" applyFill="0" applyBorder="0" applyAlignment="0" applyProtection="0">
      <alignment vertical="center"/>
    </xf>
    <xf numFmtId="0" fontId="22" fillId="0" borderId="0">
      <alignment vertical="center"/>
    </xf>
    <xf numFmtId="38" fontId="22" fillId="0" borderId="0" applyFont="0" applyFill="0" applyBorder="0" applyAlignment="0" applyProtection="0">
      <alignment vertical="center"/>
    </xf>
    <xf numFmtId="0" fontId="21" fillId="0" borderId="0">
      <alignment vertical="center"/>
    </xf>
    <xf numFmtId="38" fontId="21" fillId="0" borderId="0" applyFont="0" applyFill="0" applyBorder="0" applyAlignment="0" applyProtection="0">
      <alignment vertical="center"/>
    </xf>
    <xf numFmtId="0" fontId="20" fillId="0" borderId="0">
      <alignment vertical="center"/>
    </xf>
    <xf numFmtId="38" fontId="20" fillId="0" borderId="0" applyFont="0" applyFill="0" applyBorder="0" applyAlignment="0" applyProtection="0">
      <alignment vertical="center"/>
    </xf>
    <xf numFmtId="0" fontId="19" fillId="0" borderId="0">
      <alignment vertical="center"/>
    </xf>
    <xf numFmtId="0" fontId="19" fillId="2" borderId="1" applyNumberFormat="0" applyFont="0" applyAlignment="0" applyProtection="0">
      <alignment vertical="center"/>
    </xf>
    <xf numFmtId="0" fontId="19" fillId="2" borderId="1" applyNumberFormat="0" applyFont="0" applyAlignment="0" applyProtection="0">
      <alignment vertical="center"/>
    </xf>
    <xf numFmtId="0" fontId="18" fillId="0" borderId="0">
      <alignment vertical="center"/>
    </xf>
    <xf numFmtId="38" fontId="18" fillId="0" borderId="0" applyFont="0" applyFill="0" applyBorder="0" applyAlignment="0" applyProtection="0">
      <alignment vertical="center"/>
    </xf>
    <xf numFmtId="0" fontId="18" fillId="0" borderId="0">
      <alignment vertical="center"/>
    </xf>
    <xf numFmtId="0" fontId="17" fillId="0" borderId="0">
      <alignment vertical="center"/>
    </xf>
    <xf numFmtId="38" fontId="17" fillId="0" borderId="0" applyFont="0" applyFill="0" applyBorder="0" applyAlignment="0" applyProtection="0">
      <alignment vertical="center"/>
    </xf>
    <xf numFmtId="0" fontId="16" fillId="0" borderId="0">
      <alignment vertical="center"/>
    </xf>
    <xf numFmtId="38" fontId="16" fillId="0" borderId="0" applyFont="0" applyFill="0" applyBorder="0" applyAlignment="0" applyProtection="0">
      <alignment vertical="center"/>
    </xf>
    <xf numFmtId="0" fontId="15" fillId="0" borderId="0">
      <alignment vertical="center"/>
    </xf>
    <xf numFmtId="38" fontId="15" fillId="0" borderId="0" applyFont="0" applyFill="0" applyBorder="0" applyAlignment="0" applyProtection="0">
      <alignment vertical="center"/>
    </xf>
    <xf numFmtId="0" fontId="14" fillId="0" borderId="0">
      <alignment vertical="center"/>
    </xf>
    <xf numFmtId="38" fontId="14" fillId="0" borderId="0" applyFont="0" applyFill="0" applyBorder="0" applyAlignment="0" applyProtection="0">
      <alignment vertical="center"/>
    </xf>
    <xf numFmtId="0" fontId="13" fillId="0" borderId="0">
      <alignment vertical="center"/>
    </xf>
    <xf numFmtId="38" fontId="13" fillId="0" borderId="0" applyFont="0" applyFill="0" applyBorder="0" applyAlignment="0" applyProtection="0">
      <alignment vertical="center"/>
    </xf>
    <xf numFmtId="0" fontId="12" fillId="0" borderId="0">
      <alignment vertical="center"/>
    </xf>
    <xf numFmtId="38" fontId="12" fillId="0" borderId="0" applyFont="0" applyFill="0" applyBorder="0" applyAlignment="0" applyProtection="0">
      <alignment vertical="center"/>
    </xf>
    <xf numFmtId="0" fontId="11" fillId="0" borderId="0">
      <alignment vertical="center"/>
    </xf>
    <xf numFmtId="38" fontId="11" fillId="0" borderId="0" applyFont="0" applyFill="0" applyBorder="0" applyAlignment="0" applyProtection="0">
      <alignment vertical="center"/>
    </xf>
    <xf numFmtId="0" fontId="10" fillId="0" borderId="0">
      <alignment vertical="center"/>
    </xf>
    <xf numFmtId="38" fontId="10" fillId="0" borderId="0" applyFont="0" applyFill="0" applyBorder="0" applyAlignment="0" applyProtection="0">
      <alignment vertical="center"/>
    </xf>
    <xf numFmtId="0" fontId="9" fillId="0" borderId="0">
      <alignment vertical="center"/>
    </xf>
    <xf numFmtId="38" fontId="9" fillId="0" borderId="0" applyFont="0" applyFill="0" applyBorder="0" applyAlignment="0" applyProtection="0">
      <alignment vertical="center"/>
    </xf>
    <xf numFmtId="0" fontId="8" fillId="0" borderId="0">
      <alignment vertical="center"/>
    </xf>
    <xf numFmtId="38" fontId="8" fillId="0" borderId="0" applyFont="0" applyFill="0" applyBorder="0" applyAlignment="0" applyProtection="0">
      <alignment vertical="center"/>
    </xf>
    <xf numFmtId="0" fontId="7" fillId="0" borderId="0">
      <alignment vertical="center"/>
    </xf>
    <xf numFmtId="38" fontId="7" fillId="0" borderId="0" applyFont="0" applyFill="0" applyBorder="0" applyAlignment="0" applyProtection="0">
      <alignment vertical="center"/>
    </xf>
    <xf numFmtId="0" fontId="6" fillId="0" borderId="0">
      <alignment vertical="center"/>
    </xf>
    <xf numFmtId="0" fontId="6" fillId="2" borderId="1" applyNumberFormat="0" applyFont="0" applyAlignment="0" applyProtection="0">
      <alignment vertical="center"/>
    </xf>
    <xf numFmtId="0" fontId="6" fillId="2" borderId="1" applyNumberFormat="0" applyFont="0" applyAlignment="0" applyProtection="0">
      <alignment vertical="center"/>
    </xf>
    <xf numFmtId="38" fontId="6" fillId="0" borderId="0" applyFont="0" applyFill="0" applyBorder="0" applyAlignment="0" applyProtection="0">
      <alignment vertical="center"/>
    </xf>
    <xf numFmtId="0" fontId="5" fillId="0" borderId="0">
      <alignment vertical="center"/>
    </xf>
    <xf numFmtId="38" fontId="5" fillId="0" borderId="0" applyFont="0" applyFill="0" applyBorder="0" applyAlignment="0" applyProtection="0">
      <alignment vertical="center"/>
    </xf>
    <xf numFmtId="0" fontId="5" fillId="0" borderId="0">
      <alignment vertical="center"/>
    </xf>
    <xf numFmtId="0" fontId="4" fillId="0" borderId="0">
      <alignment vertical="center"/>
    </xf>
    <xf numFmtId="38" fontId="4" fillId="0" borderId="0" applyFont="0" applyFill="0" applyBorder="0" applyAlignment="0" applyProtection="0">
      <alignment vertical="center"/>
    </xf>
    <xf numFmtId="0" fontId="56" fillId="0" borderId="0"/>
    <xf numFmtId="0" fontId="3" fillId="0" borderId="0">
      <alignment vertical="center"/>
    </xf>
    <xf numFmtId="0" fontId="3" fillId="0" borderId="0">
      <alignment vertical="center"/>
    </xf>
    <xf numFmtId="0" fontId="3" fillId="2" borderId="1" applyNumberFormat="0" applyFont="0" applyAlignment="0" applyProtection="0">
      <alignment vertical="center"/>
    </xf>
    <xf numFmtId="0" fontId="3" fillId="2" borderId="1" applyNumberFormat="0" applyFont="0" applyAlignment="0" applyProtection="0">
      <alignment vertical="center"/>
    </xf>
    <xf numFmtId="38" fontId="3" fillId="0" borderId="0" applyFont="0" applyFill="0" applyBorder="0" applyAlignment="0" applyProtection="0">
      <alignment vertical="center"/>
    </xf>
    <xf numFmtId="0" fontId="2" fillId="0" borderId="0">
      <alignment vertical="center"/>
    </xf>
    <xf numFmtId="38" fontId="2" fillId="0" borderId="0" applyFont="0" applyFill="0" applyBorder="0" applyAlignment="0" applyProtection="0">
      <alignment vertical="center"/>
    </xf>
    <xf numFmtId="0" fontId="1" fillId="0" borderId="0">
      <alignment vertical="center"/>
    </xf>
    <xf numFmtId="38" fontId="1" fillId="0" borderId="0" applyFont="0" applyFill="0" applyBorder="0" applyAlignment="0" applyProtection="0">
      <alignment vertical="center"/>
    </xf>
  </cellStyleXfs>
  <cellXfs count="215">
    <xf numFmtId="0" fontId="0" fillId="0" borderId="0" xfId="0"/>
    <xf numFmtId="0" fontId="52" fillId="0" borderId="0" xfId="1" applyFont="1" applyFill="1" applyAlignment="1">
      <alignment vertical="center" shrinkToFit="1"/>
    </xf>
    <xf numFmtId="0" fontId="55" fillId="0" borderId="0" xfId="1" applyNumberFormat="1" applyFont="1" applyFill="1" applyAlignment="1">
      <alignment horizontal="center" vertical="center"/>
    </xf>
    <xf numFmtId="0" fontId="52" fillId="0" borderId="0" xfId="1" applyNumberFormat="1" applyFont="1" applyFill="1" applyAlignment="1">
      <alignment vertical="center"/>
    </xf>
    <xf numFmtId="0" fontId="52" fillId="0" borderId="0" xfId="1" applyNumberFormat="1" applyFont="1" applyFill="1" applyAlignment="1">
      <alignment horizontal="center" vertical="center"/>
    </xf>
    <xf numFmtId="176" fontId="52" fillId="0" borderId="0" xfId="1" applyNumberFormat="1" applyFont="1" applyFill="1" applyAlignment="1">
      <alignment vertical="center"/>
    </xf>
    <xf numFmtId="0" fontId="52" fillId="0" borderId="0" xfId="1" applyFont="1" applyFill="1" applyAlignment="1">
      <alignment vertical="center"/>
    </xf>
    <xf numFmtId="0" fontId="58" fillId="0" borderId="0" xfId="1" applyFont="1" applyFill="1" applyAlignment="1">
      <alignment vertical="center"/>
    </xf>
    <xf numFmtId="0" fontId="58" fillId="0" borderId="0" xfId="1" applyFont="1" applyFill="1" applyAlignment="1">
      <alignment horizontal="center" vertical="center"/>
    </xf>
    <xf numFmtId="0" fontId="61" fillId="0" borderId="2" xfId="1" applyNumberFormat="1" applyFont="1" applyFill="1" applyBorder="1" applyAlignment="1">
      <alignment horizontal="center" vertical="center"/>
    </xf>
    <xf numFmtId="0" fontId="52" fillId="0" borderId="2" xfId="1" applyNumberFormat="1" applyFont="1" applyFill="1" applyBorder="1" applyAlignment="1">
      <alignment vertical="center"/>
    </xf>
    <xf numFmtId="0" fontId="52" fillId="0" borderId="0" xfId="1" applyNumberFormat="1" applyFont="1" applyFill="1" applyAlignment="1">
      <alignment horizontal="right" vertical="center"/>
    </xf>
    <xf numFmtId="0" fontId="52" fillId="0" borderId="18" xfId="1" applyNumberFormat="1" applyFont="1" applyFill="1" applyBorder="1" applyAlignment="1">
      <alignment horizontal="center" vertical="center" wrapText="1"/>
    </xf>
    <xf numFmtId="0" fontId="52" fillId="0" borderId="19" xfId="1" applyNumberFormat="1" applyFont="1" applyFill="1" applyBorder="1" applyAlignment="1">
      <alignment horizontal="center" vertical="center"/>
    </xf>
    <xf numFmtId="0" fontId="52" fillId="0" borderId="20" xfId="1" applyNumberFormat="1" applyFont="1" applyFill="1" applyBorder="1" applyAlignment="1">
      <alignment horizontal="center" vertical="center"/>
    </xf>
    <xf numFmtId="0" fontId="52" fillId="0" borderId="16" xfId="1" applyNumberFormat="1" applyFont="1" applyFill="1" applyBorder="1" applyAlignment="1">
      <alignment horizontal="center" vertical="center"/>
    </xf>
    <xf numFmtId="178" fontId="52" fillId="0" borderId="23" xfId="1" applyNumberFormat="1" applyFont="1" applyFill="1" applyBorder="1" applyAlignment="1">
      <alignment horizontal="center" vertical="center" wrapText="1"/>
    </xf>
    <xf numFmtId="176" fontId="52" fillId="0" borderId="25" xfId="1" applyNumberFormat="1" applyFont="1" applyFill="1" applyBorder="1" applyAlignment="1">
      <alignment vertical="center" wrapText="1"/>
    </xf>
    <xf numFmtId="179" fontId="52" fillId="0" borderId="25" xfId="1" applyNumberFormat="1" applyFont="1" applyFill="1" applyBorder="1" applyAlignment="1">
      <alignment vertical="center" wrapText="1"/>
    </xf>
    <xf numFmtId="176" fontId="52" fillId="0" borderId="26" xfId="1" applyNumberFormat="1" applyFont="1" applyFill="1" applyBorder="1" applyAlignment="1">
      <alignment vertical="center" shrinkToFit="1"/>
    </xf>
    <xf numFmtId="176" fontId="52" fillId="0" borderId="27" xfId="1" applyNumberFormat="1" applyFont="1" applyFill="1" applyBorder="1" applyAlignment="1">
      <alignment vertical="center" shrinkToFit="1"/>
    </xf>
    <xf numFmtId="176" fontId="52" fillId="0" borderId="28" xfId="1" applyNumberFormat="1" applyFont="1" applyFill="1" applyBorder="1" applyAlignment="1">
      <alignment vertical="center" shrinkToFit="1"/>
    </xf>
    <xf numFmtId="176" fontId="52" fillId="0" borderId="29" xfId="1" applyNumberFormat="1" applyFont="1" applyFill="1" applyBorder="1" applyAlignment="1">
      <alignment horizontal="center" vertical="center" wrapText="1"/>
    </xf>
    <xf numFmtId="178" fontId="52" fillId="0" borderId="30" xfId="1" applyNumberFormat="1" applyFont="1" applyFill="1" applyBorder="1" applyAlignment="1">
      <alignment horizontal="center" vertical="center" wrapText="1"/>
    </xf>
    <xf numFmtId="176" fontId="52" fillId="0" borderId="21" xfId="1" applyNumberFormat="1" applyFont="1" applyFill="1" applyBorder="1" applyAlignment="1">
      <alignment vertical="center" wrapText="1"/>
    </xf>
    <xf numFmtId="180" fontId="52" fillId="0" borderId="31" xfId="1" applyNumberFormat="1" applyFont="1" applyFill="1" applyBorder="1" applyAlignment="1">
      <alignment horizontal="center" vertical="center" wrapText="1"/>
    </xf>
    <xf numFmtId="176" fontId="52" fillId="0" borderId="26" xfId="1" applyNumberFormat="1" applyFont="1" applyFill="1" applyBorder="1" applyAlignment="1">
      <alignment vertical="center" wrapText="1"/>
    </xf>
    <xf numFmtId="0" fontId="52" fillId="3" borderId="0" xfId="1" applyFont="1" applyFill="1" applyAlignment="1">
      <alignment vertical="center" shrinkToFit="1"/>
    </xf>
    <xf numFmtId="0" fontId="52" fillId="3" borderId="29" xfId="1" applyNumberFormat="1" applyFont="1" applyFill="1" applyBorder="1" applyAlignment="1">
      <alignment vertical="center" wrapText="1"/>
    </xf>
    <xf numFmtId="176" fontId="52" fillId="0" borderId="21" xfId="1" applyNumberFormat="1" applyFont="1" applyFill="1" applyBorder="1" applyAlignment="1">
      <alignment horizontal="center" vertical="center" wrapText="1"/>
    </xf>
    <xf numFmtId="176" fontId="52" fillId="3" borderId="21" xfId="1" applyNumberFormat="1" applyFont="1" applyFill="1" applyBorder="1" applyAlignment="1">
      <alignment vertical="center" wrapText="1"/>
    </xf>
    <xf numFmtId="0" fontId="52" fillId="3" borderId="0" xfId="1" applyFont="1" applyFill="1" applyAlignment="1">
      <alignment vertical="center"/>
    </xf>
    <xf numFmtId="180" fontId="52" fillId="0" borderId="32" xfId="1" applyNumberFormat="1" applyFont="1" applyFill="1" applyBorder="1" applyAlignment="1">
      <alignment horizontal="center" vertical="center" wrapText="1"/>
    </xf>
    <xf numFmtId="176" fontId="52" fillId="0" borderId="31" xfId="1" applyNumberFormat="1" applyFont="1" applyFill="1" applyBorder="1" applyAlignment="1">
      <alignment horizontal="center" vertical="center" wrapText="1"/>
    </xf>
    <xf numFmtId="176" fontId="52" fillId="0" borderId="34" xfId="1" applyNumberFormat="1" applyFont="1" applyFill="1" applyBorder="1" applyAlignment="1">
      <alignment vertical="center" wrapText="1"/>
    </xf>
    <xf numFmtId="179" fontId="52" fillId="0" borderId="34" xfId="1" applyNumberFormat="1" applyFont="1" applyFill="1" applyBorder="1" applyAlignment="1">
      <alignment vertical="center" wrapText="1"/>
    </xf>
    <xf numFmtId="176" fontId="52" fillId="0" borderId="35" xfId="1" applyNumberFormat="1" applyFont="1" applyFill="1" applyBorder="1" applyAlignment="1">
      <alignment vertical="center" wrapText="1"/>
    </xf>
    <xf numFmtId="176" fontId="52" fillId="0" borderId="31" xfId="1" applyNumberFormat="1" applyFont="1" applyFill="1" applyBorder="1" applyAlignment="1">
      <alignment vertical="center" shrinkToFit="1"/>
    </xf>
    <xf numFmtId="0" fontId="52" fillId="3" borderId="21" xfId="1" applyNumberFormat="1" applyFont="1" applyFill="1" applyBorder="1" applyAlignment="1">
      <alignment vertical="center" wrapText="1"/>
    </xf>
    <xf numFmtId="176" fontId="52" fillId="3" borderId="21" xfId="1" applyNumberFormat="1" applyFont="1" applyFill="1" applyBorder="1" applyAlignment="1">
      <alignment horizontal="center" vertical="center" wrapText="1"/>
    </xf>
    <xf numFmtId="176" fontId="52" fillId="3" borderId="31" xfId="1" applyNumberFormat="1" applyFont="1" applyFill="1" applyBorder="1" applyAlignment="1">
      <alignment horizontal="center" vertical="center" wrapText="1"/>
    </xf>
    <xf numFmtId="178" fontId="52" fillId="3" borderId="23" xfId="1" applyNumberFormat="1" applyFont="1" applyFill="1" applyBorder="1" applyAlignment="1">
      <alignment horizontal="center" vertical="center" wrapText="1"/>
    </xf>
    <xf numFmtId="180" fontId="52" fillId="3" borderId="31" xfId="1" applyNumberFormat="1" applyFont="1" applyFill="1" applyBorder="1" applyAlignment="1">
      <alignment horizontal="center" vertical="center" wrapText="1"/>
    </xf>
    <xf numFmtId="176" fontId="52" fillId="3" borderId="34" xfId="1" applyNumberFormat="1" applyFont="1" applyFill="1" applyBorder="1" applyAlignment="1">
      <alignment vertical="center" wrapText="1"/>
    </xf>
    <xf numFmtId="176" fontId="52" fillId="0" borderId="37" xfId="1" applyNumberFormat="1" applyFont="1" applyFill="1" applyBorder="1" applyAlignment="1">
      <alignment horizontal="center" vertical="center" wrapText="1"/>
    </xf>
    <xf numFmtId="176" fontId="52" fillId="0" borderId="38" xfId="1" applyNumberFormat="1" applyFont="1" applyFill="1" applyBorder="1" applyAlignment="1">
      <alignment vertical="center" wrapText="1"/>
    </xf>
    <xf numFmtId="180" fontId="52" fillId="0" borderId="37" xfId="1" applyNumberFormat="1" applyFont="1" applyFill="1" applyBorder="1" applyAlignment="1">
      <alignment horizontal="center" vertical="center" wrapText="1"/>
    </xf>
    <xf numFmtId="176" fontId="52" fillId="0" borderId="39" xfId="1" applyNumberFormat="1" applyFont="1" applyFill="1" applyBorder="1" applyAlignment="1">
      <alignment vertical="center" shrinkToFit="1"/>
    </xf>
    <xf numFmtId="176" fontId="52" fillId="0" borderId="35" xfId="1" applyNumberFormat="1" applyFont="1" applyFill="1" applyBorder="1" applyAlignment="1">
      <alignment vertical="center" shrinkToFit="1"/>
    </xf>
    <xf numFmtId="176" fontId="52" fillId="0" borderId="21" xfId="1" applyNumberFormat="1" applyFont="1" applyFill="1" applyBorder="1" applyAlignment="1">
      <alignment vertical="center" shrinkToFit="1"/>
    </xf>
    <xf numFmtId="176" fontId="52" fillId="0" borderId="36" xfId="1" applyNumberFormat="1" applyFont="1" applyFill="1" applyBorder="1" applyAlignment="1">
      <alignment vertical="center" wrapText="1"/>
    </xf>
    <xf numFmtId="176" fontId="52" fillId="0" borderId="22" xfId="1" applyNumberFormat="1" applyFont="1" applyFill="1" applyBorder="1" applyAlignment="1">
      <alignment vertical="center" shrinkToFit="1"/>
    </xf>
    <xf numFmtId="176" fontId="52" fillId="3" borderId="35" xfId="1" applyNumberFormat="1" applyFont="1" applyFill="1" applyBorder="1" applyAlignment="1">
      <alignment vertical="center" shrinkToFit="1"/>
    </xf>
    <xf numFmtId="0" fontId="52" fillId="0" borderId="21" xfId="1" applyNumberFormat="1" applyFont="1" applyFill="1" applyBorder="1" applyAlignment="1">
      <alignment vertical="center" wrapText="1"/>
    </xf>
    <xf numFmtId="176" fontId="52" fillId="0" borderId="41" xfId="1" applyNumberFormat="1" applyFont="1" applyFill="1" applyBorder="1" applyAlignment="1">
      <alignment vertical="center" shrinkToFit="1"/>
    </xf>
    <xf numFmtId="176" fontId="52" fillId="0" borderId="42" xfId="1" applyNumberFormat="1" applyFont="1" applyFill="1" applyBorder="1" applyAlignment="1">
      <alignment vertical="center" shrinkToFit="1"/>
    </xf>
    <xf numFmtId="176" fontId="52" fillId="0" borderId="33" xfId="1" applyNumberFormat="1" applyFont="1" applyFill="1" applyBorder="1" applyAlignment="1">
      <alignment vertical="center" wrapText="1"/>
    </xf>
    <xf numFmtId="176" fontId="52" fillId="0" borderId="33" xfId="1" applyNumberFormat="1" applyFont="1" applyFill="1" applyBorder="1" applyAlignment="1">
      <alignment vertical="center" shrinkToFit="1"/>
    </xf>
    <xf numFmtId="176" fontId="52" fillId="0" borderId="43" xfId="1" applyNumberFormat="1" applyFont="1" applyFill="1" applyBorder="1" applyAlignment="1">
      <alignment horizontal="center" vertical="center" wrapText="1"/>
    </xf>
    <xf numFmtId="176" fontId="52" fillId="0" borderId="42" xfId="1" applyNumberFormat="1" applyFont="1" applyFill="1" applyBorder="1" applyAlignment="1">
      <alignment horizontal="center" vertical="center" wrapText="1"/>
    </xf>
    <xf numFmtId="178" fontId="52" fillId="3" borderId="45" xfId="1" applyNumberFormat="1" applyFont="1" applyFill="1" applyBorder="1" applyAlignment="1">
      <alignment horizontal="center" vertical="center" wrapText="1"/>
    </xf>
    <xf numFmtId="176" fontId="52" fillId="0" borderId="23" xfId="1" applyNumberFormat="1" applyFont="1" applyFill="1" applyBorder="1" applyAlignment="1">
      <alignment vertical="center" shrinkToFit="1"/>
    </xf>
    <xf numFmtId="176" fontId="52" fillId="0" borderId="23" xfId="1" applyNumberFormat="1" applyFont="1" applyFill="1" applyBorder="1" applyAlignment="1">
      <alignment vertical="center" wrapText="1"/>
    </xf>
    <xf numFmtId="176" fontId="52" fillId="0" borderId="48" xfId="1" applyNumberFormat="1" applyFont="1" applyFill="1" applyBorder="1" applyAlignment="1">
      <alignment vertical="center" shrinkToFit="1"/>
    </xf>
    <xf numFmtId="176" fontId="52" fillId="0" borderId="29" xfId="1" applyNumberFormat="1" applyFont="1" applyFill="1" applyBorder="1" applyAlignment="1">
      <alignment vertical="center" shrinkToFit="1"/>
    </xf>
    <xf numFmtId="176" fontId="52" fillId="0" borderId="37" xfId="1" applyNumberFormat="1" applyFont="1" applyFill="1" applyBorder="1" applyAlignment="1">
      <alignment vertical="center" shrinkToFit="1"/>
    </xf>
    <xf numFmtId="0" fontId="52" fillId="0" borderId="0" xfId="0" applyFont="1" applyFill="1" applyAlignment="1">
      <alignment vertical="center" shrinkToFit="1"/>
    </xf>
    <xf numFmtId="0" fontId="52" fillId="0" borderId="0" xfId="0" applyFont="1" applyFill="1" applyAlignment="1">
      <alignment vertical="center"/>
    </xf>
    <xf numFmtId="176" fontId="52" fillId="0" borderId="47" xfId="1" applyNumberFormat="1" applyFont="1" applyFill="1" applyBorder="1" applyAlignment="1">
      <alignment vertical="center" shrinkToFit="1"/>
    </xf>
    <xf numFmtId="176" fontId="52" fillId="0" borderId="41" xfId="1" applyNumberFormat="1" applyFont="1" applyFill="1" applyBorder="1" applyAlignment="1">
      <alignment vertical="center" wrapText="1"/>
    </xf>
    <xf numFmtId="179" fontId="52" fillId="0" borderId="23" xfId="1" applyNumberFormat="1" applyFont="1" applyFill="1" applyBorder="1" applyAlignment="1">
      <alignment horizontal="center" vertical="center" wrapText="1"/>
    </xf>
    <xf numFmtId="179" fontId="52" fillId="3" borderId="34" xfId="1" applyNumberFormat="1" applyFont="1" applyFill="1" applyBorder="1" applyAlignment="1">
      <alignment vertical="center" wrapText="1"/>
    </xf>
    <xf numFmtId="176" fontId="52" fillId="3" borderId="35" xfId="1" applyNumberFormat="1" applyFont="1" applyFill="1" applyBorder="1" applyAlignment="1">
      <alignment vertical="center" wrapText="1"/>
    </xf>
    <xf numFmtId="0" fontId="52" fillId="0" borderId="53" xfId="1" applyFont="1" applyFill="1" applyBorder="1" applyAlignment="1">
      <alignment vertical="center" shrinkToFit="1"/>
    </xf>
    <xf numFmtId="182" fontId="52" fillId="0" borderId="34" xfId="1" applyNumberFormat="1" applyFont="1" applyFill="1" applyBorder="1" applyAlignment="1">
      <alignment vertical="center" wrapText="1"/>
    </xf>
    <xf numFmtId="182" fontId="52" fillId="0" borderId="31" xfId="1" applyNumberFormat="1" applyFont="1" applyFill="1" applyBorder="1" applyAlignment="1">
      <alignment vertical="center" shrinkToFit="1"/>
    </xf>
    <xf numFmtId="178" fontId="52" fillId="3" borderId="30" xfId="1" applyNumberFormat="1" applyFont="1" applyFill="1" applyBorder="1" applyAlignment="1">
      <alignment horizontal="center" vertical="center" wrapText="1"/>
    </xf>
    <xf numFmtId="176" fontId="52" fillId="3" borderId="43" xfId="1" applyNumberFormat="1" applyFont="1" applyFill="1" applyBorder="1" applyAlignment="1">
      <alignment horizontal="center" vertical="center" wrapText="1"/>
    </xf>
    <xf numFmtId="0" fontId="62" fillId="0" borderId="0" xfId="1" applyNumberFormat="1" applyFont="1" applyFill="1" applyAlignment="1">
      <alignment horizontal="center" vertical="center"/>
    </xf>
    <xf numFmtId="0" fontId="63" fillId="0" borderId="2" xfId="1" applyNumberFormat="1" applyFont="1" applyFill="1" applyBorder="1" applyAlignment="1">
      <alignment horizontal="center" vertical="center"/>
    </xf>
    <xf numFmtId="180" fontId="52" fillId="0" borderId="42" xfId="1" applyNumberFormat="1" applyFont="1" applyFill="1" applyBorder="1" applyAlignment="1">
      <alignment horizontal="center" vertical="center" wrapText="1"/>
    </xf>
    <xf numFmtId="176" fontId="52" fillId="0" borderId="44" xfId="1" applyNumberFormat="1" applyFont="1" applyFill="1" applyBorder="1" applyAlignment="1">
      <alignment vertical="center" wrapText="1"/>
    </xf>
    <xf numFmtId="179" fontId="52" fillId="0" borderId="44" xfId="1" applyNumberFormat="1" applyFont="1" applyFill="1" applyBorder="1" applyAlignment="1">
      <alignment vertical="center" wrapText="1"/>
    </xf>
    <xf numFmtId="176" fontId="52" fillId="0" borderId="46" xfId="1" applyNumberFormat="1" applyFont="1" applyFill="1" applyBorder="1" applyAlignment="1">
      <alignment vertical="center" wrapText="1"/>
    </xf>
    <xf numFmtId="0" fontId="52" fillId="0" borderId="2" xfId="1" applyNumberFormat="1" applyFont="1" applyFill="1" applyBorder="1" applyAlignment="1">
      <alignment horizontal="center" vertical="center"/>
    </xf>
    <xf numFmtId="176" fontId="60" fillId="0" borderId="2" xfId="1" applyNumberFormat="1" applyFont="1" applyFill="1" applyBorder="1" applyAlignment="1">
      <alignment horizontal="center" vertical="center"/>
    </xf>
    <xf numFmtId="176" fontId="52" fillId="0" borderId="43" xfId="1" applyNumberFormat="1" applyFont="1" applyFill="1" applyBorder="1" applyAlignment="1">
      <alignment vertical="center" shrinkToFit="1"/>
    </xf>
    <xf numFmtId="0" fontId="52" fillId="0" borderId="2" xfId="1" applyNumberFormat="1" applyFont="1" applyFill="1" applyBorder="1" applyAlignment="1">
      <alignment horizontal="center" vertical="center"/>
    </xf>
    <xf numFmtId="0" fontId="55" fillId="0" borderId="0" xfId="1" applyNumberFormat="1" applyFont="1" applyFill="1" applyAlignment="1">
      <alignment vertical="center"/>
    </xf>
    <xf numFmtId="176" fontId="52" fillId="0" borderId="32" xfId="1" applyNumberFormat="1" applyFont="1" applyFill="1" applyBorder="1" applyAlignment="1">
      <alignment vertical="center" shrinkToFit="1"/>
    </xf>
    <xf numFmtId="176" fontId="52" fillId="0" borderId="20" xfId="1" applyNumberFormat="1" applyFont="1" applyFill="1" applyBorder="1" applyAlignment="1">
      <alignment vertical="center" shrinkToFit="1"/>
    </xf>
    <xf numFmtId="176" fontId="52" fillId="0" borderId="52" xfId="1" applyNumberFormat="1" applyFont="1" applyFill="1" applyBorder="1" applyAlignment="1">
      <alignment vertical="center" shrinkToFit="1"/>
    </xf>
    <xf numFmtId="179" fontId="52" fillId="0" borderId="50" xfId="1" applyNumberFormat="1" applyFont="1" applyFill="1" applyBorder="1" applyAlignment="1">
      <alignment vertical="center" wrapText="1"/>
    </xf>
    <xf numFmtId="176" fontId="52" fillId="0" borderId="50" xfId="1" applyNumberFormat="1" applyFont="1" applyFill="1" applyBorder="1" applyAlignment="1">
      <alignment vertical="center" wrapText="1"/>
    </xf>
    <xf numFmtId="176" fontId="52" fillId="0" borderId="20" xfId="1" applyNumberFormat="1" applyFont="1" applyFill="1" applyBorder="1" applyAlignment="1">
      <alignment vertical="center" wrapText="1"/>
    </xf>
    <xf numFmtId="176" fontId="52" fillId="0" borderId="32" xfId="1" applyNumberFormat="1" applyFont="1" applyFill="1" applyBorder="1" applyAlignment="1">
      <alignment horizontal="center" vertical="center" wrapText="1"/>
    </xf>
    <xf numFmtId="178" fontId="52" fillId="0" borderId="51" xfId="1" applyNumberFormat="1" applyFont="1" applyFill="1" applyBorder="1" applyAlignment="1">
      <alignment horizontal="center" vertical="center" wrapText="1"/>
    </xf>
    <xf numFmtId="176" fontId="52" fillId="0" borderId="29" xfId="1" applyNumberFormat="1" applyFont="1" applyFill="1" applyBorder="1" applyAlignment="1">
      <alignment vertical="center" wrapText="1"/>
    </xf>
    <xf numFmtId="176" fontId="52" fillId="0" borderId="49" xfId="1" applyNumberFormat="1" applyFont="1" applyFill="1" applyBorder="1" applyAlignment="1">
      <alignment vertical="center" wrapText="1"/>
    </xf>
    <xf numFmtId="179" fontId="52" fillId="0" borderId="49" xfId="1" applyNumberFormat="1" applyFont="1" applyFill="1" applyBorder="1" applyAlignment="1">
      <alignment vertical="center" wrapText="1"/>
    </xf>
    <xf numFmtId="176" fontId="52" fillId="0" borderId="36" xfId="1" applyNumberFormat="1" applyFont="1" applyFill="1" applyBorder="1" applyAlignment="1">
      <alignment vertical="center" shrinkToFit="1"/>
    </xf>
    <xf numFmtId="0" fontId="52" fillId="0" borderId="7" xfId="1" applyNumberFormat="1" applyFont="1" applyFill="1" applyBorder="1" applyAlignment="1">
      <alignment horizontal="center" vertical="center"/>
    </xf>
    <xf numFmtId="0" fontId="52" fillId="0" borderId="17" xfId="1" applyNumberFormat="1" applyFont="1" applyFill="1" applyBorder="1" applyAlignment="1">
      <alignment horizontal="center" vertical="center"/>
    </xf>
    <xf numFmtId="176" fontId="52" fillId="0" borderId="55" xfId="1" applyNumberFormat="1" applyFont="1" applyFill="1" applyBorder="1" applyAlignment="1">
      <alignment vertical="center" shrinkToFit="1"/>
    </xf>
    <xf numFmtId="176" fontId="52" fillId="0" borderId="54" xfId="1" applyNumberFormat="1" applyFont="1" applyFill="1" applyBorder="1" applyAlignment="1">
      <alignment vertical="center" shrinkToFit="1"/>
    </xf>
    <xf numFmtId="176" fontId="52" fillId="0" borderId="29" xfId="1" applyNumberFormat="1" applyFont="1" applyFill="1" applyBorder="1" applyAlignment="1">
      <alignment horizontal="center" vertical="center" wrapText="1"/>
    </xf>
    <xf numFmtId="176" fontId="52" fillId="3" borderId="29" xfId="1" applyNumberFormat="1" applyFont="1" applyFill="1" applyBorder="1" applyAlignment="1">
      <alignment vertical="center" wrapText="1"/>
    </xf>
    <xf numFmtId="180" fontId="52" fillId="3" borderId="37" xfId="1" applyNumberFormat="1" applyFont="1" applyFill="1" applyBorder="1" applyAlignment="1">
      <alignment horizontal="center" vertical="center" wrapText="1"/>
    </xf>
    <xf numFmtId="176" fontId="52" fillId="3" borderId="49" xfId="1" applyNumberFormat="1" applyFont="1" applyFill="1" applyBorder="1" applyAlignment="1">
      <alignment vertical="center" wrapText="1"/>
    </xf>
    <xf numFmtId="179" fontId="52" fillId="3" borderId="49" xfId="1" applyNumberFormat="1" applyFont="1" applyFill="1" applyBorder="1" applyAlignment="1">
      <alignment vertical="center" wrapText="1"/>
    </xf>
    <xf numFmtId="176" fontId="52" fillId="0" borderId="21" xfId="1" applyNumberFormat="1" applyFont="1" applyFill="1" applyBorder="1" applyAlignment="1">
      <alignment horizontal="center" vertical="center" wrapText="1"/>
    </xf>
    <xf numFmtId="0" fontId="52" fillId="3" borderId="21" xfId="1" applyNumberFormat="1" applyFont="1" applyFill="1" applyBorder="1" applyAlignment="1">
      <alignment horizontal="left" vertical="center" wrapText="1"/>
    </xf>
    <xf numFmtId="0" fontId="52" fillId="3" borderId="43" xfId="1" applyNumberFormat="1" applyFont="1" applyFill="1" applyBorder="1" applyAlignment="1">
      <alignment horizontal="left" vertical="center" wrapText="1"/>
    </xf>
    <xf numFmtId="0" fontId="52" fillId="0" borderId="15" xfId="1" applyNumberFormat="1" applyFont="1" applyFill="1" applyBorder="1" applyAlignment="1">
      <alignment horizontal="center" vertical="center"/>
    </xf>
    <xf numFmtId="0" fontId="52" fillId="3" borderId="43" xfId="1" applyNumberFormat="1" applyFont="1" applyFill="1" applyBorder="1" applyAlignment="1">
      <alignment horizontal="right" vertical="center" wrapText="1"/>
    </xf>
    <xf numFmtId="0" fontId="62" fillId="3" borderId="29" xfId="1" applyNumberFormat="1" applyFont="1" applyFill="1" applyBorder="1" applyAlignment="1">
      <alignment vertical="center" wrapText="1"/>
    </xf>
    <xf numFmtId="0" fontId="52" fillId="3" borderId="20" xfId="1" applyNumberFormat="1" applyFont="1" applyFill="1" applyBorder="1" applyAlignment="1">
      <alignment vertical="center" wrapText="1"/>
    </xf>
    <xf numFmtId="176" fontId="52" fillId="3" borderId="29" xfId="1" applyNumberFormat="1" applyFont="1" applyFill="1" applyBorder="1" applyAlignment="1">
      <alignment horizontal="center" vertical="center" wrapText="1"/>
    </xf>
    <xf numFmtId="176" fontId="52" fillId="0" borderId="20" xfId="1" applyNumberFormat="1" applyFont="1" applyFill="1" applyBorder="1" applyAlignment="1">
      <alignment horizontal="center" vertical="center" wrapText="1"/>
    </xf>
    <xf numFmtId="176" fontId="52" fillId="3" borderId="43" xfId="1" applyNumberFormat="1" applyFont="1" applyFill="1" applyBorder="1" applyAlignment="1">
      <alignment vertical="center" wrapText="1"/>
    </xf>
    <xf numFmtId="176" fontId="52" fillId="3" borderId="42" xfId="1" applyNumberFormat="1" applyFont="1" applyFill="1" applyBorder="1" applyAlignment="1">
      <alignment vertical="center" shrinkToFit="1"/>
    </xf>
    <xf numFmtId="176" fontId="52" fillId="3" borderId="29" xfId="1" applyNumberFormat="1" applyFont="1" applyFill="1" applyBorder="1" applyAlignment="1">
      <alignment horizontal="right" vertical="center" shrinkToFit="1"/>
    </xf>
    <xf numFmtId="176" fontId="52" fillId="0" borderId="21" xfId="1" applyNumberFormat="1" applyFont="1" applyFill="1" applyBorder="1" applyAlignment="1">
      <alignment horizontal="center" vertical="center" wrapText="1"/>
    </xf>
    <xf numFmtId="176" fontId="52" fillId="3" borderId="43" xfId="1" applyNumberFormat="1" applyFont="1" applyFill="1" applyBorder="1" applyAlignment="1">
      <alignment vertical="center" shrinkToFit="1"/>
    </xf>
    <xf numFmtId="176" fontId="52" fillId="3" borderId="45" xfId="1" applyNumberFormat="1" applyFont="1" applyFill="1" applyBorder="1" applyAlignment="1">
      <alignment vertical="center" shrinkToFit="1"/>
    </xf>
    <xf numFmtId="176" fontId="52" fillId="3" borderId="41" xfId="1" applyNumberFormat="1" applyFont="1" applyFill="1" applyBorder="1" applyAlignment="1">
      <alignment vertical="center" wrapText="1"/>
    </xf>
    <xf numFmtId="0" fontId="62" fillId="3" borderId="21" xfId="1" applyNumberFormat="1" applyFont="1" applyFill="1" applyBorder="1" applyAlignment="1">
      <alignment vertical="center" wrapText="1"/>
    </xf>
    <xf numFmtId="176" fontId="62" fillId="3" borderId="43" xfId="1" applyNumberFormat="1" applyFont="1" applyFill="1" applyBorder="1" applyAlignment="1">
      <alignment horizontal="center" vertical="center" wrapText="1"/>
    </xf>
    <xf numFmtId="0" fontId="52" fillId="3" borderId="29" xfId="1" applyNumberFormat="1" applyFont="1" applyFill="1" applyBorder="1" applyAlignment="1">
      <alignment horizontal="right" vertical="center" wrapText="1"/>
    </xf>
    <xf numFmtId="0" fontId="52" fillId="3" borderId="21" xfId="1" applyNumberFormat="1" applyFont="1" applyFill="1" applyBorder="1" applyAlignment="1">
      <alignment vertical="center"/>
    </xf>
    <xf numFmtId="176" fontId="52" fillId="0" borderId="28" xfId="1" applyNumberFormat="1" applyFont="1" applyFill="1" applyBorder="1" applyAlignment="1">
      <alignment horizontal="center" vertical="center" wrapText="1"/>
    </xf>
    <xf numFmtId="176" fontId="52" fillId="3" borderId="31" xfId="1" applyNumberFormat="1" applyFont="1" applyFill="1" applyBorder="1" applyAlignment="1">
      <alignment vertical="center" shrinkToFit="1"/>
    </xf>
    <xf numFmtId="176" fontId="52" fillId="3" borderId="50" xfId="1" applyNumberFormat="1" applyFont="1" applyFill="1" applyBorder="1" applyAlignment="1">
      <alignment vertical="center" shrinkToFit="1"/>
    </xf>
    <xf numFmtId="176" fontId="52" fillId="3" borderId="29" xfId="1" applyNumberFormat="1" applyFont="1" applyFill="1" applyBorder="1" applyAlignment="1">
      <alignment vertical="center" shrinkToFit="1"/>
    </xf>
    <xf numFmtId="176" fontId="52" fillId="3" borderId="49" xfId="1" applyNumberFormat="1" applyFont="1" applyFill="1" applyBorder="1" applyAlignment="1">
      <alignment vertical="center" shrinkToFit="1"/>
    </xf>
    <xf numFmtId="176" fontId="52" fillId="3" borderId="34" xfId="1" applyNumberFormat="1" applyFont="1" applyFill="1" applyBorder="1" applyAlignment="1">
      <alignment vertical="center" shrinkToFit="1"/>
    </xf>
    <xf numFmtId="176" fontId="52" fillId="3" borderId="44" xfId="1" applyNumberFormat="1" applyFont="1" applyFill="1" applyBorder="1" applyAlignment="1">
      <alignment vertical="center" shrinkToFit="1"/>
    </xf>
    <xf numFmtId="176" fontId="62" fillId="3" borderId="34" xfId="1" applyNumberFormat="1" applyFont="1" applyFill="1" applyBorder="1" applyAlignment="1">
      <alignment vertical="center" shrinkToFit="1"/>
    </xf>
    <xf numFmtId="176" fontId="52" fillId="3" borderId="21" xfId="1" applyNumberFormat="1" applyFont="1" applyFill="1" applyBorder="1" applyAlignment="1">
      <alignment vertical="center" shrinkToFit="1"/>
    </xf>
    <xf numFmtId="176" fontId="52" fillId="3" borderId="31" xfId="1" applyNumberFormat="1" applyFont="1" applyFill="1" applyBorder="1" applyAlignment="1">
      <alignment vertical="center"/>
    </xf>
    <xf numFmtId="176" fontId="52" fillId="3" borderId="39" xfId="1" applyNumberFormat="1" applyFont="1" applyFill="1" applyBorder="1" applyAlignment="1">
      <alignment vertical="center"/>
    </xf>
    <xf numFmtId="0" fontId="52" fillId="0" borderId="0" xfId="1" applyFont="1" applyAlignment="1">
      <alignment vertical="center"/>
    </xf>
    <xf numFmtId="176" fontId="52" fillId="0" borderId="21" xfId="1" applyNumberFormat="1" applyFont="1" applyBorder="1" applyAlignment="1">
      <alignment vertical="center" shrinkToFit="1"/>
    </xf>
    <xf numFmtId="176" fontId="52" fillId="0" borderId="31" xfId="1" applyNumberFormat="1" applyFont="1" applyBorder="1" applyAlignment="1">
      <alignment vertical="center" shrinkToFit="1"/>
    </xf>
    <xf numFmtId="176" fontId="52" fillId="0" borderId="21" xfId="1" applyNumberFormat="1" applyFont="1" applyBorder="1" applyAlignment="1">
      <alignment horizontal="center" vertical="center" wrapText="1"/>
    </xf>
    <xf numFmtId="176" fontId="52" fillId="0" borderId="23" xfId="1" applyNumberFormat="1" applyFont="1" applyBorder="1" applyAlignment="1">
      <alignment vertical="center" shrinkToFit="1"/>
    </xf>
    <xf numFmtId="0" fontId="52" fillId="3" borderId="21" xfId="1" applyFont="1" applyFill="1" applyBorder="1" applyAlignment="1">
      <alignment horizontal="left" vertical="center" wrapText="1"/>
    </xf>
    <xf numFmtId="176" fontId="52" fillId="3" borderId="42" xfId="1" applyNumberFormat="1" applyFont="1" applyFill="1" applyBorder="1" applyAlignment="1">
      <alignment horizontal="center" vertical="center" wrapText="1"/>
    </xf>
    <xf numFmtId="0" fontId="52" fillId="0" borderId="14" xfId="1" applyNumberFormat="1" applyFont="1" applyFill="1" applyBorder="1" applyAlignment="1">
      <alignment horizontal="center" vertical="center"/>
    </xf>
    <xf numFmtId="176" fontId="52" fillId="0" borderId="29" xfId="1" applyNumberFormat="1" applyFont="1" applyFill="1" applyBorder="1" applyAlignment="1">
      <alignment horizontal="center" vertical="center" wrapText="1"/>
    </xf>
    <xf numFmtId="176" fontId="52" fillId="0" borderId="24" xfId="1" applyNumberFormat="1" applyFont="1" applyFill="1" applyBorder="1" applyAlignment="1">
      <alignment horizontal="center" vertical="center" wrapText="1"/>
    </xf>
    <xf numFmtId="176" fontId="52" fillId="3" borderId="37" xfId="1" applyNumberFormat="1" applyFont="1" applyFill="1" applyBorder="1" applyAlignment="1">
      <alignment horizontal="center" vertical="center" wrapText="1"/>
    </xf>
    <xf numFmtId="176" fontId="52" fillId="3" borderId="30" xfId="1" applyNumberFormat="1" applyFont="1" applyFill="1" applyBorder="1" applyAlignment="1">
      <alignment vertical="center" shrinkToFit="1"/>
    </xf>
    <xf numFmtId="176" fontId="52" fillId="3" borderId="37" xfId="1" applyNumberFormat="1" applyFont="1" applyFill="1" applyBorder="1" applyAlignment="1">
      <alignment vertical="center" shrinkToFit="1"/>
    </xf>
    <xf numFmtId="176" fontId="62" fillId="3" borderId="49" xfId="1" applyNumberFormat="1" applyFont="1" applyFill="1" applyBorder="1" applyAlignment="1">
      <alignment vertical="center" shrinkToFit="1"/>
    </xf>
    <xf numFmtId="176" fontId="52" fillId="3" borderId="23" xfId="1" applyNumberFormat="1" applyFont="1" applyFill="1" applyBorder="1" applyAlignment="1">
      <alignment horizontal="center" vertical="center" wrapText="1"/>
    </xf>
    <xf numFmtId="176" fontId="52" fillId="3" borderId="39" xfId="1" applyNumberFormat="1" applyFont="1" applyFill="1" applyBorder="1" applyAlignment="1">
      <alignment vertical="center" shrinkToFit="1"/>
    </xf>
    <xf numFmtId="176" fontId="62" fillId="3" borderId="29" xfId="1" applyNumberFormat="1" applyFont="1" applyFill="1" applyBorder="1" applyAlignment="1">
      <alignment horizontal="center" vertical="center" wrapText="1"/>
    </xf>
    <xf numFmtId="0" fontId="52" fillId="3" borderId="29" xfId="1" applyNumberFormat="1" applyFont="1" applyFill="1" applyBorder="1" applyAlignment="1">
      <alignment horizontal="left" vertical="center" wrapText="1"/>
    </xf>
    <xf numFmtId="181" fontId="62" fillId="0" borderId="24" xfId="1" applyNumberFormat="1" applyFont="1" applyFill="1" applyBorder="1" applyAlignment="1">
      <alignment vertical="center" shrinkToFit="1"/>
    </xf>
    <xf numFmtId="181" fontId="62" fillId="0" borderId="40" xfId="1" applyNumberFormat="1" applyFont="1" applyFill="1" applyBorder="1" applyAlignment="1">
      <alignment vertical="center" shrinkToFit="1"/>
    </xf>
    <xf numFmtId="176" fontId="52" fillId="3" borderId="43" xfId="1" applyNumberFormat="1" applyFont="1" applyFill="1" applyBorder="1" applyAlignment="1">
      <alignment horizontal="right" vertical="center" shrinkToFit="1"/>
    </xf>
    <xf numFmtId="176" fontId="52" fillId="3" borderId="23" xfId="1" applyNumberFormat="1" applyFont="1" applyFill="1" applyBorder="1" applyAlignment="1">
      <alignment vertical="center" shrinkToFit="1"/>
    </xf>
    <xf numFmtId="176" fontId="62" fillId="3" borderId="34" xfId="1" applyNumberFormat="1" applyFont="1" applyFill="1" applyBorder="1" applyAlignment="1">
      <alignment vertical="center" wrapText="1"/>
    </xf>
    <xf numFmtId="179" fontId="52" fillId="0" borderId="31" xfId="1" applyNumberFormat="1" applyFont="1" applyFill="1" applyBorder="1" applyAlignment="1">
      <alignment horizontal="center" vertical="center" wrapText="1"/>
    </xf>
    <xf numFmtId="176" fontId="62" fillId="0" borderId="21" xfId="1" applyNumberFormat="1" applyFont="1" applyFill="1" applyBorder="1" applyAlignment="1">
      <alignment horizontal="center" vertical="center" wrapText="1"/>
    </xf>
    <xf numFmtId="176" fontId="62" fillId="0" borderId="34" xfId="1" applyNumberFormat="1" applyFont="1" applyFill="1" applyBorder="1" applyAlignment="1">
      <alignment vertical="center" shrinkToFit="1"/>
    </xf>
    <xf numFmtId="0" fontId="62" fillId="0" borderId="21" xfId="1" applyFont="1" applyFill="1" applyBorder="1" applyAlignment="1">
      <alignment horizontal="left" vertical="center" wrapText="1" shrinkToFit="1"/>
    </xf>
    <xf numFmtId="176" fontId="62" fillId="3" borderId="21" xfId="1" applyNumberFormat="1" applyFont="1" applyFill="1" applyBorder="1" applyAlignment="1">
      <alignment horizontal="center" vertical="center" wrapText="1"/>
    </xf>
    <xf numFmtId="0" fontId="52" fillId="0" borderId="21" xfId="1" applyNumberFormat="1" applyFont="1" applyFill="1" applyBorder="1" applyAlignment="1">
      <alignment horizontal="left" vertical="center" wrapText="1"/>
    </xf>
    <xf numFmtId="179" fontId="62" fillId="0" borderId="34" xfId="1" applyNumberFormat="1" applyFont="1" applyFill="1" applyBorder="1" applyAlignment="1">
      <alignment vertical="center" wrapText="1"/>
    </xf>
    <xf numFmtId="176" fontId="62" fillId="0" borderId="21" xfId="1" applyNumberFormat="1" applyFont="1" applyFill="1" applyBorder="1" applyAlignment="1">
      <alignment vertical="center" wrapText="1"/>
    </xf>
    <xf numFmtId="182" fontId="62" fillId="0" borderId="34" xfId="1" applyNumberFormat="1" applyFont="1" applyFill="1" applyBorder="1" applyAlignment="1">
      <alignment vertical="center" wrapText="1"/>
    </xf>
    <xf numFmtId="182" fontId="52" fillId="0" borderId="39" xfId="1" applyNumberFormat="1" applyFont="1" applyFill="1" applyBorder="1" applyAlignment="1">
      <alignment vertical="center" shrinkToFit="1"/>
    </xf>
    <xf numFmtId="0" fontId="62" fillId="3" borderId="29" xfId="1" applyNumberFormat="1" applyFont="1" applyFill="1" applyBorder="1" applyAlignment="1">
      <alignment horizontal="right" vertical="center" shrinkToFit="1"/>
    </xf>
    <xf numFmtId="176" fontId="52" fillId="3" borderId="48" xfId="1" applyNumberFormat="1" applyFont="1" applyFill="1" applyBorder="1" applyAlignment="1">
      <alignment vertical="center" wrapText="1"/>
    </xf>
    <xf numFmtId="0" fontId="62" fillId="3" borderId="43" xfId="1" applyNumberFormat="1" applyFont="1" applyFill="1" applyBorder="1" applyAlignment="1">
      <alignment horizontal="right" vertical="center" shrinkToFit="1"/>
    </xf>
    <xf numFmtId="176" fontId="62" fillId="3" borderId="44" xfId="1" applyNumberFormat="1" applyFont="1" applyFill="1" applyBorder="1" applyAlignment="1">
      <alignment horizontal="right" vertical="center" shrinkToFit="1"/>
    </xf>
    <xf numFmtId="180" fontId="52" fillId="3" borderId="42" xfId="1" applyNumberFormat="1" applyFont="1" applyFill="1" applyBorder="1" applyAlignment="1">
      <alignment horizontal="center" vertical="center" wrapText="1"/>
    </xf>
    <xf numFmtId="176" fontId="52" fillId="3" borderId="44" xfId="1" applyNumberFormat="1" applyFont="1" applyFill="1" applyBorder="1" applyAlignment="1">
      <alignment vertical="center" wrapText="1"/>
    </xf>
    <xf numFmtId="179" fontId="52" fillId="3" borderId="44" xfId="1" applyNumberFormat="1" applyFont="1" applyFill="1" applyBorder="1" applyAlignment="1">
      <alignment vertical="center" wrapText="1"/>
    </xf>
    <xf numFmtId="176" fontId="52" fillId="0" borderId="34" xfId="1" applyNumberFormat="1" applyFont="1" applyFill="1" applyBorder="1" applyAlignment="1">
      <alignment vertical="center" shrinkToFit="1"/>
    </xf>
    <xf numFmtId="177" fontId="52" fillId="3" borderId="26" xfId="1" applyNumberFormat="1" applyFont="1" applyFill="1" applyBorder="1" applyAlignment="1">
      <alignment horizontal="center" vertical="center"/>
    </xf>
    <xf numFmtId="177" fontId="52" fillId="0" borderId="35" xfId="1" applyNumberFormat="1" applyFont="1" applyFill="1" applyBorder="1" applyAlignment="1">
      <alignment horizontal="center" vertical="center"/>
    </xf>
    <xf numFmtId="177" fontId="52" fillId="3" borderId="48" xfId="1" applyNumberFormat="1" applyFont="1" applyFill="1" applyBorder="1" applyAlignment="1">
      <alignment horizontal="center" vertical="center"/>
    </xf>
    <xf numFmtId="177" fontId="52" fillId="3" borderId="35" xfId="1" applyNumberFormat="1" applyFont="1" applyFill="1" applyBorder="1" applyAlignment="1">
      <alignment horizontal="center" vertical="center"/>
    </xf>
    <xf numFmtId="177" fontId="62" fillId="0" borderId="35" xfId="1" applyNumberFormat="1" applyFont="1" applyFill="1" applyBorder="1" applyAlignment="1">
      <alignment horizontal="center" vertical="center"/>
    </xf>
    <xf numFmtId="177" fontId="62" fillId="3" borderId="35" xfId="1" applyNumberFormat="1" applyFont="1" applyFill="1" applyBorder="1" applyAlignment="1">
      <alignment horizontal="center" vertical="center"/>
    </xf>
    <xf numFmtId="177" fontId="62" fillId="3" borderId="48" xfId="1" applyNumberFormat="1" applyFont="1" applyFill="1" applyBorder="1" applyAlignment="1">
      <alignment horizontal="center" vertical="center"/>
    </xf>
    <xf numFmtId="177" fontId="62" fillId="3" borderId="26" xfId="1" applyNumberFormat="1" applyFont="1" applyFill="1" applyBorder="1" applyAlignment="1">
      <alignment horizontal="center" vertical="center"/>
    </xf>
    <xf numFmtId="177" fontId="52" fillId="0" borderId="52" xfId="1" applyNumberFormat="1" applyFont="1" applyFill="1" applyBorder="1" applyAlignment="1">
      <alignment horizontal="center" vertical="center"/>
    </xf>
    <xf numFmtId="0" fontId="52" fillId="0" borderId="47" xfId="1" applyNumberFormat="1" applyFont="1" applyFill="1" applyBorder="1" applyAlignment="1">
      <alignment horizontal="center" vertical="center"/>
    </xf>
    <xf numFmtId="177" fontId="52" fillId="0" borderId="47" xfId="1" applyNumberFormat="1" applyFont="1" applyFill="1" applyBorder="1" applyAlignment="1">
      <alignment horizontal="center" vertical="center"/>
    </xf>
    <xf numFmtId="0" fontId="52" fillId="0" borderId="0" xfId="1" applyFont="1" applyFill="1" applyAlignment="1">
      <alignment horizontal="right" vertical="center"/>
    </xf>
    <xf numFmtId="0" fontId="52" fillId="0" borderId="0" xfId="1" applyNumberFormat="1" applyFont="1" applyFill="1" applyBorder="1" applyAlignment="1">
      <alignment horizontal="distributed" vertical="center" wrapText="1"/>
    </xf>
    <xf numFmtId="0" fontId="52" fillId="0" borderId="5" xfId="1" applyNumberFormat="1" applyFont="1" applyFill="1" applyBorder="1" applyAlignment="1">
      <alignment horizontal="center" vertical="center"/>
    </xf>
    <xf numFmtId="0" fontId="52" fillId="0" borderId="15" xfId="0" applyFont="1" applyFill="1" applyBorder="1"/>
    <xf numFmtId="0" fontId="52" fillId="0" borderId="4" xfId="1" applyNumberFormat="1" applyFont="1" applyFill="1" applyBorder="1" applyAlignment="1">
      <alignment horizontal="center" vertical="center" wrapText="1"/>
    </xf>
    <xf numFmtId="0" fontId="52" fillId="0" borderId="14" xfId="1" applyNumberFormat="1" applyFont="1" applyFill="1" applyBorder="1" applyAlignment="1">
      <alignment horizontal="center" vertical="center"/>
    </xf>
    <xf numFmtId="0" fontId="52" fillId="0" borderId="14" xfId="1" applyNumberFormat="1" applyFont="1" applyFill="1" applyBorder="1" applyAlignment="1">
      <alignment horizontal="center" vertical="center" wrapText="1"/>
    </xf>
    <xf numFmtId="0" fontId="52" fillId="0" borderId="6" xfId="1" applyNumberFormat="1" applyFont="1" applyFill="1" applyBorder="1" applyAlignment="1">
      <alignment horizontal="center" vertical="center" wrapText="1"/>
    </xf>
    <xf numFmtId="0" fontId="52" fillId="0" borderId="16" xfId="1" applyNumberFormat="1" applyFont="1" applyFill="1" applyBorder="1" applyAlignment="1">
      <alignment horizontal="center" vertical="center" wrapText="1"/>
    </xf>
    <xf numFmtId="0" fontId="52" fillId="0" borderId="3" xfId="1" applyNumberFormat="1" applyFont="1" applyFill="1" applyBorder="1" applyAlignment="1">
      <alignment horizontal="center" vertical="center" wrapText="1"/>
    </xf>
    <xf numFmtId="0" fontId="52" fillId="0" borderId="13" xfId="1" applyNumberFormat="1" applyFont="1" applyFill="1" applyBorder="1" applyAlignment="1">
      <alignment horizontal="center" vertical="center" wrapText="1"/>
    </xf>
    <xf numFmtId="0" fontId="57" fillId="0" borderId="8" xfId="1" applyNumberFormat="1" applyFont="1" applyFill="1" applyBorder="1" applyAlignment="1">
      <alignment horizontal="center" vertical="center"/>
    </xf>
    <xf numFmtId="0" fontId="57" fillId="0" borderId="9" xfId="1" applyNumberFormat="1" applyFont="1" applyFill="1" applyBorder="1" applyAlignment="1">
      <alignment horizontal="center" vertical="center"/>
    </xf>
    <xf numFmtId="0" fontId="52" fillId="0" borderId="10" xfId="1" applyNumberFormat="1" applyFont="1" applyFill="1" applyBorder="1" applyAlignment="1">
      <alignment horizontal="center" vertical="center" justifyLastLine="1"/>
    </xf>
    <xf numFmtId="0" fontId="52" fillId="0" borderId="11" xfId="1" applyNumberFormat="1" applyFont="1" applyFill="1" applyBorder="1" applyAlignment="1">
      <alignment horizontal="center" vertical="center" justifyLastLine="1"/>
    </xf>
    <xf numFmtId="0" fontId="52" fillId="0" borderId="12" xfId="1" applyNumberFormat="1" applyFont="1" applyFill="1" applyBorder="1" applyAlignment="1">
      <alignment horizontal="center" vertical="center" justifyLastLine="1"/>
    </xf>
    <xf numFmtId="0" fontId="52" fillId="0" borderId="5" xfId="1" applyNumberFormat="1" applyFont="1" applyFill="1" applyBorder="1" applyAlignment="1">
      <alignment horizontal="center" vertical="center" wrapText="1"/>
    </xf>
    <xf numFmtId="0" fontId="52" fillId="0" borderId="15" xfId="1" applyNumberFormat="1" applyFont="1" applyFill="1" applyBorder="1" applyAlignment="1">
      <alignment horizontal="center" vertical="center" wrapText="1"/>
    </xf>
    <xf numFmtId="176" fontId="52" fillId="0" borderId="4" xfId="1" applyNumberFormat="1" applyFont="1" applyFill="1" applyBorder="1" applyAlignment="1">
      <alignment horizontal="center" vertical="center" wrapText="1"/>
    </xf>
    <xf numFmtId="176" fontId="52" fillId="0" borderId="14" xfId="1" applyNumberFormat="1" applyFont="1" applyFill="1" applyBorder="1" applyAlignment="1">
      <alignment horizontal="center" vertical="center" wrapText="1"/>
    </xf>
    <xf numFmtId="0" fontId="52" fillId="0" borderId="7" xfId="1" applyNumberFormat="1" applyFont="1" applyFill="1" applyBorder="1" applyAlignment="1">
      <alignment horizontal="center" vertical="center" wrapText="1"/>
    </xf>
    <xf numFmtId="0" fontId="52" fillId="0" borderId="17" xfId="1" applyNumberFormat="1" applyFont="1" applyFill="1" applyBorder="1" applyAlignment="1">
      <alignment horizontal="center" vertical="center" wrapText="1"/>
    </xf>
  </cellXfs>
  <cellStyles count="362">
    <cellStyle name="タイトル 2" xfId="5" xr:uid="{00000000-0005-0000-0000-000000000000}"/>
    <cellStyle name="パーセント 2" xfId="6" xr:uid="{00000000-0005-0000-0000-000001000000}"/>
    <cellStyle name="パーセント 2 2" xfId="7" xr:uid="{00000000-0005-0000-0000-000002000000}"/>
    <cellStyle name="パーセント 2 2 2" xfId="8" xr:uid="{00000000-0005-0000-0000-000003000000}"/>
    <cellStyle name="パーセント 2 2 2 2" xfId="155" xr:uid="{00000000-0005-0000-0000-000004000000}"/>
    <cellStyle name="パーセント 2 2 3" xfId="154" xr:uid="{00000000-0005-0000-0000-000005000000}"/>
    <cellStyle name="パーセント 2 3" xfId="9" xr:uid="{00000000-0005-0000-0000-000006000000}"/>
    <cellStyle name="パーセント 2 3 2" xfId="10" xr:uid="{00000000-0005-0000-0000-000007000000}"/>
    <cellStyle name="パーセント 2 3 2 2" xfId="157" xr:uid="{00000000-0005-0000-0000-000008000000}"/>
    <cellStyle name="パーセント 2 3 3" xfId="156" xr:uid="{00000000-0005-0000-0000-000009000000}"/>
    <cellStyle name="パーセント 2 4" xfId="11" xr:uid="{00000000-0005-0000-0000-00000A000000}"/>
    <cellStyle name="パーセント 2 4 2" xfId="158" xr:uid="{00000000-0005-0000-0000-00000B000000}"/>
    <cellStyle name="パーセント 2 5" xfId="129" xr:uid="{00000000-0005-0000-0000-00000C000000}"/>
    <cellStyle name="パーセント 2 5 2" xfId="265" xr:uid="{00000000-0005-0000-0000-00000D000000}"/>
    <cellStyle name="パーセント 2 6" xfId="153" xr:uid="{00000000-0005-0000-0000-00000E000000}"/>
    <cellStyle name="メモ 2" xfId="12" xr:uid="{00000000-0005-0000-0000-00000F000000}"/>
    <cellStyle name="メモ 2 2" xfId="13" xr:uid="{00000000-0005-0000-0000-000010000000}"/>
    <cellStyle name="メモ 2 2 10" xfId="147" xr:uid="{00000000-0005-0000-0000-000011000000}"/>
    <cellStyle name="メモ 2 2 11" xfId="160" xr:uid="{00000000-0005-0000-0000-000012000000}"/>
    <cellStyle name="メモ 2 2 12" xfId="288" xr:uid="{00000000-0005-0000-0000-000013000000}"/>
    <cellStyle name="メモ 2 2 13" xfId="297" xr:uid="{00000000-0005-0000-0000-000014000000}"/>
    <cellStyle name="メモ 2 2 14" xfId="316" xr:uid="{00000000-0005-0000-0000-000015000000}"/>
    <cellStyle name="メモ 2 2 15" xfId="344" xr:uid="{460030D9-D42E-43D3-9ADD-D4F01AF99D2E}"/>
    <cellStyle name="メモ 2 2 16" xfId="355" xr:uid="{8E15CCA2-3B70-4493-B588-FEDE62569E14}"/>
    <cellStyle name="メモ 2 2 2" xfId="14" xr:uid="{00000000-0005-0000-0000-000016000000}"/>
    <cellStyle name="メモ 2 2 2 2" xfId="15" xr:uid="{00000000-0005-0000-0000-000017000000}"/>
    <cellStyle name="メモ 2 2 2 2 2" xfId="162" xr:uid="{00000000-0005-0000-0000-000018000000}"/>
    <cellStyle name="メモ 2 2 2 3" xfId="161" xr:uid="{00000000-0005-0000-0000-000019000000}"/>
    <cellStyle name="メモ 2 2 3" xfId="16" xr:uid="{00000000-0005-0000-0000-00001A000000}"/>
    <cellStyle name="メモ 2 2 3 2" xfId="17" xr:uid="{00000000-0005-0000-0000-00001B000000}"/>
    <cellStyle name="メモ 2 2 3 2 2" xfId="164" xr:uid="{00000000-0005-0000-0000-00001C000000}"/>
    <cellStyle name="メモ 2 2 3 3" xfId="163" xr:uid="{00000000-0005-0000-0000-00001D000000}"/>
    <cellStyle name="メモ 2 2 4" xfId="18" xr:uid="{00000000-0005-0000-0000-00001E000000}"/>
    <cellStyle name="メモ 2 2 4 2" xfId="19" xr:uid="{00000000-0005-0000-0000-00001F000000}"/>
    <cellStyle name="メモ 2 2 4 2 2" xfId="166" xr:uid="{00000000-0005-0000-0000-000020000000}"/>
    <cellStyle name="メモ 2 2 4 3" xfId="165" xr:uid="{00000000-0005-0000-0000-000021000000}"/>
    <cellStyle name="メモ 2 2 5" xfId="20" xr:uid="{00000000-0005-0000-0000-000022000000}"/>
    <cellStyle name="メモ 2 2 5 10" xfId="345" xr:uid="{3D6E6EAF-E317-4495-BD97-45A7815FC7CC}"/>
    <cellStyle name="メモ 2 2 5 11" xfId="356" xr:uid="{733BC3D6-D887-4388-ABEB-F4A29EE0F8D4}"/>
    <cellStyle name="メモ 2 2 5 2" xfId="2" xr:uid="{00000000-0005-0000-0000-000023000000}"/>
    <cellStyle name="メモ 2 2 5 2 2" xfId="119" xr:uid="{00000000-0005-0000-0000-000024000000}"/>
    <cellStyle name="メモ 2 2 5 2 2 2" xfId="255" xr:uid="{00000000-0005-0000-0000-000025000000}"/>
    <cellStyle name="メモ 2 2 5 2 3" xfId="141" xr:uid="{00000000-0005-0000-0000-000026000000}"/>
    <cellStyle name="メモ 2 2 5 2 4" xfId="150" xr:uid="{00000000-0005-0000-0000-000027000000}"/>
    <cellStyle name="メモ 2 2 5 2 5" xfId="273" xr:uid="{00000000-0005-0000-0000-000028000000}"/>
    <cellStyle name="メモ 2 2 5 2 6" xfId="276" xr:uid="{00000000-0005-0000-0000-000029000000}"/>
    <cellStyle name="メモ 2 2 5 3" xfId="21" xr:uid="{00000000-0005-0000-0000-00002A000000}"/>
    <cellStyle name="メモ 2 2 5 3 2" xfId="168" xr:uid="{00000000-0005-0000-0000-00002B000000}"/>
    <cellStyle name="メモ 2 2 5 4" xfId="134" xr:uid="{00000000-0005-0000-0000-00002C000000}"/>
    <cellStyle name="メモ 2 2 5 4 2" xfId="270" xr:uid="{00000000-0005-0000-0000-00002D000000}"/>
    <cellStyle name="メモ 2 2 5 5" xfId="148" xr:uid="{00000000-0005-0000-0000-00002E000000}"/>
    <cellStyle name="メモ 2 2 5 6" xfId="167" xr:uid="{00000000-0005-0000-0000-00002F000000}"/>
    <cellStyle name="メモ 2 2 5 7" xfId="289" xr:uid="{00000000-0005-0000-0000-000030000000}"/>
    <cellStyle name="メモ 2 2 5 8" xfId="298" xr:uid="{00000000-0005-0000-0000-000031000000}"/>
    <cellStyle name="メモ 2 2 5 9" xfId="317" xr:uid="{00000000-0005-0000-0000-000032000000}"/>
    <cellStyle name="メモ 2 2 6" xfId="3" xr:uid="{00000000-0005-0000-0000-000033000000}"/>
    <cellStyle name="メモ 2 2 6 2" xfId="4" xr:uid="{00000000-0005-0000-0000-000034000000}"/>
    <cellStyle name="メモ 2 2 6 2 2" xfId="142" xr:uid="{00000000-0005-0000-0000-000035000000}"/>
    <cellStyle name="メモ 2 2 6 2 3" xfId="152" xr:uid="{00000000-0005-0000-0000-000036000000}"/>
    <cellStyle name="メモ 2 2 6 2 4" xfId="274" xr:uid="{00000000-0005-0000-0000-000037000000}"/>
    <cellStyle name="メモ 2 2 6 2 5" xfId="275" xr:uid="{00000000-0005-0000-0000-000038000000}"/>
    <cellStyle name="メモ 2 2 6 3" xfId="120" xr:uid="{00000000-0005-0000-0000-000039000000}"/>
    <cellStyle name="メモ 2 2 6 3 2" xfId="256" xr:uid="{00000000-0005-0000-0000-00003A000000}"/>
    <cellStyle name="メモ 2 2 6 4" xfId="151" xr:uid="{00000000-0005-0000-0000-00003B000000}"/>
    <cellStyle name="メモ 2 2 7" xfId="22" xr:uid="{00000000-0005-0000-0000-00003C000000}"/>
    <cellStyle name="メモ 2 2 7 2" xfId="169" xr:uid="{00000000-0005-0000-0000-00003D000000}"/>
    <cellStyle name="メモ 2 2 8" xfId="116" xr:uid="{00000000-0005-0000-0000-00003E000000}"/>
    <cellStyle name="メモ 2 2 8 2" xfId="252" xr:uid="{00000000-0005-0000-0000-00003F000000}"/>
    <cellStyle name="メモ 2 2 9" xfId="131" xr:uid="{00000000-0005-0000-0000-000040000000}"/>
    <cellStyle name="メモ 2 2 9 2" xfId="267" xr:uid="{00000000-0005-0000-0000-000041000000}"/>
    <cellStyle name="メモ 2 3" xfId="23" xr:uid="{00000000-0005-0000-0000-000042000000}"/>
    <cellStyle name="メモ 2 3 2" xfId="24" xr:uid="{00000000-0005-0000-0000-000043000000}"/>
    <cellStyle name="メモ 2 3 2 2" xfId="171" xr:uid="{00000000-0005-0000-0000-000044000000}"/>
    <cellStyle name="メモ 2 3 3" xfId="170" xr:uid="{00000000-0005-0000-0000-000045000000}"/>
    <cellStyle name="メモ 2 4" xfId="25" xr:uid="{00000000-0005-0000-0000-000046000000}"/>
    <cellStyle name="メモ 2 4 2" xfId="26" xr:uid="{00000000-0005-0000-0000-000047000000}"/>
    <cellStyle name="メモ 2 4 2 2" xfId="173" xr:uid="{00000000-0005-0000-0000-000048000000}"/>
    <cellStyle name="メモ 2 4 3" xfId="172" xr:uid="{00000000-0005-0000-0000-000049000000}"/>
    <cellStyle name="メモ 2 5" xfId="27" xr:uid="{00000000-0005-0000-0000-00004A000000}"/>
    <cellStyle name="メモ 2 5 2" xfId="174" xr:uid="{00000000-0005-0000-0000-00004B000000}"/>
    <cellStyle name="メモ 2 6" xfId="126" xr:uid="{00000000-0005-0000-0000-00004C000000}"/>
    <cellStyle name="メモ 2 6 2" xfId="262" xr:uid="{00000000-0005-0000-0000-00004D000000}"/>
    <cellStyle name="メモ 2 7" xfId="159" xr:uid="{00000000-0005-0000-0000-00004E000000}"/>
    <cellStyle name="桁区切り 10" xfId="278" xr:uid="{00000000-0005-0000-0000-000050000000}"/>
    <cellStyle name="桁区切り 11" xfId="282" xr:uid="{00000000-0005-0000-0000-000051000000}"/>
    <cellStyle name="桁区切り 12" xfId="283" xr:uid="{00000000-0005-0000-0000-000052000000}"/>
    <cellStyle name="桁区切り 13" xfId="291" xr:uid="{00000000-0005-0000-0000-000053000000}"/>
    <cellStyle name="桁区切り 14" xfId="293" xr:uid="{00000000-0005-0000-0000-000054000000}"/>
    <cellStyle name="桁区切り 15" xfId="295" xr:uid="{00000000-0005-0000-0000-000055000000}"/>
    <cellStyle name="桁区切り 16" xfId="300" xr:uid="{00000000-0005-0000-0000-000056000000}"/>
    <cellStyle name="桁区切り 17" xfId="302" xr:uid="{00000000-0005-0000-0000-000057000000}"/>
    <cellStyle name="桁区切り 18" xfId="304" xr:uid="{00000000-0005-0000-0000-000058000000}"/>
    <cellStyle name="桁区切り 19" xfId="306" xr:uid="{00000000-0005-0000-0000-000059000000}"/>
    <cellStyle name="桁区切り 2" xfId="28" xr:uid="{00000000-0005-0000-0000-00005A000000}"/>
    <cellStyle name="桁区切り 2 2" xfId="29" xr:uid="{00000000-0005-0000-0000-00005B000000}"/>
    <cellStyle name="桁区切り 20" xfId="308" xr:uid="{00000000-0005-0000-0000-00005C000000}"/>
    <cellStyle name="桁区切り 21" xfId="310" xr:uid="{00000000-0005-0000-0000-00005D000000}"/>
    <cellStyle name="桁区切り 22" xfId="312" xr:uid="{00000000-0005-0000-0000-00005E000000}"/>
    <cellStyle name="桁区切り 23" xfId="314" xr:uid="{00000000-0005-0000-0000-00005F000000}"/>
    <cellStyle name="桁区切り 24" xfId="319" xr:uid="{00000000-0005-0000-0000-000060000000}"/>
    <cellStyle name="桁区切り 25" xfId="322" xr:uid="{00000000-0005-0000-0000-000061000000}"/>
    <cellStyle name="桁区切り 26" xfId="324" xr:uid="{00000000-0005-0000-0000-000062000000}"/>
    <cellStyle name="桁区切り 27" xfId="326" xr:uid="{00000000-0005-0000-0000-000063000000}"/>
    <cellStyle name="桁区切り 28" xfId="328" xr:uid="{00000000-0005-0000-0000-000064000000}"/>
    <cellStyle name="桁区切り 29" xfId="330" xr:uid="{00000000-0005-0000-0000-000065000000}"/>
    <cellStyle name="桁区切り 3" xfId="30" xr:uid="{00000000-0005-0000-0000-000066000000}"/>
    <cellStyle name="桁区切り 3 2" xfId="138" xr:uid="{00000000-0005-0000-0000-000067000000}"/>
    <cellStyle name="桁区切り 3 3" xfId="280" xr:uid="{00000000-0005-0000-0000-000068000000}"/>
    <cellStyle name="桁区切り 30" xfId="332" xr:uid="{00000000-0005-0000-0000-000069000000}"/>
    <cellStyle name="桁区切り 31" xfId="334" xr:uid="{00000000-0005-0000-0000-00006A000000}"/>
    <cellStyle name="桁区切り 32" xfId="336" xr:uid="{00000000-0005-0000-0000-00006B000000}"/>
    <cellStyle name="桁区切り 33" xfId="338" xr:uid="{00000000-0005-0000-0000-00006C000000}"/>
    <cellStyle name="桁区切り 34" xfId="340" xr:uid="{FB4EEAA4-3CC5-46E0-8411-0855FD0AC8BE}"/>
    <cellStyle name="桁区切り 35" xfId="342" xr:uid="{B58B30BB-2514-45F2-BF07-4D9038EA6049}"/>
    <cellStyle name="桁区切り 36" xfId="346" xr:uid="{DA031839-E5E2-47A4-9E54-FB86A5FDEF6E}"/>
    <cellStyle name="桁区切り 37" xfId="348" xr:uid="{CEAA647B-C01B-480B-B831-0957FC7FBBC2}"/>
    <cellStyle name="桁区切り 38" xfId="351" xr:uid="{EAA9A6DE-4B6F-46A6-928B-51906A157668}"/>
    <cellStyle name="桁区切り 39" xfId="357" xr:uid="{63910177-3B46-4B07-8497-E90E0F5483C6}"/>
    <cellStyle name="桁区切り 4" xfId="31" xr:uid="{00000000-0005-0000-0000-00006D000000}"/>
    <cellStyle name="桁区切り 4 2" xfId="32" xr:uid="{00000000-0005-0000-0000-00006E000000}"/>
    <cellStyle name="桁区切り 4 2 2" xfId="175" xr:uid="{00000000-0005-0000-0000-00006F000000}"/>
    <cellStyle name="桁区切り 40" xfId="359" xr:uid="{0D04CC5C-44AA-42DB-9245-EDF7CD427766}"/>
    <cellStyle name="桁区切り 41" xfId="361" xr:uid="{FBDFDC66-F06C-49C5-A347-6DEA30B0E4D1}"/>
    <cellStyle name="桁区切り 5" xfId="33" xr:uid="{00000000-0005-0000-0000-000070000000}"/>
    <cellStyle name="桁区切り 5 2" xfId="34" xr:uid="{00000000-0005-0000-0000-000071000000}"/>
    <cellStyle name="桁区切り 5 2 2" xfId="35" xr:uid="{00000000-0005-0000-0000-000072000000}"/>
    <cellStyle name="桁区切り 5 2 2 2" xfId="178" xr:uid="{00000000-0005-0000-0000-000073000000}"/>
    <cellStyle name="桁区切り 5 2 3" xfId="177" xr:uid="{00000000-0005-0000-0000-000074000000}"/>
    <cellStyle name="桁区切り 5 3" xfId="36" xr:uid="{00000000-0005-0000-0000-000075000000}"/>
    <cellStyle name="桁区切り 5 3 2" xfId="37" xr:uid="{00000000-0005-0000-0000-000076000000}"/>
    <cellStyle name="桁区切り 5 3 2 2" xfId="180" xr:uid="{00000000-0005-0000-0000-000077000000}"/>
    <cellStyle name="桁区切り 5 3 3" xfId="179" xr:uid="{00000000-0005-0000-0000-000078000000}"/>
    <cellStyle name="桁区切り 5 4" xfId="38" xr:uid="{00000000-0005-0000-0000-000079000000}"/>
    <cellStyle name="桁区切り 5 4 2" xfId="181" xr:uid="{00000000-0005-0000-0000-00007A000000}"/>
    <cellStyle name="桁区切り 5 5" xfId="128" xr:uid="{00000000-0005-0000-0000-00007B000000}"/>
    <cellStyle name="桁区切り 5 5 2" xfId="264" xr:uid="{00000000-0005-0000-0000-00007C000000}"/>
    <cellStyle name="桁区切り 5 6" xfId="135" xr:uid="{00000000-0005-0000-0000-00007D000000}"/>
    <cellStyle name="桁区切り 5 7" xfId="176" xr:uid="{00000000-0005-0000-0000-00007E000000}"/>
    <cellStyle name="桁区切り 6" xfId="39" xr:uid="{00000000-0005-0000-0000-00007F000000}"/>
    <cellStyle name="桁区切り 7" xfId="140" xr:uid="{00000000-0005-0000-0000-000080000000}"/>
    <cellStyle name="桁区切り 8" xfId="144" xr:uid="{00000000-0005-0000-0000-000081000000}"/>
    <cellStyle name="桁区切り 9" xfId="272" xr:uid="{00000000-0005-0000-0000-000082000000}"/>
    <cellStyle name="標準" xfId="0" builtinId="0"/>
    <cellStyle name="標準 10" xfId="136" xr:uid="{00000000-0005-0000-0000-000085000000}"/>
    <cellStyle name="標準 11" xfId="139" xr:uid="{00000000-0005-0000-0000-000086000000}"/>
    <cellStyle name="標準 12" xfId="143" xr:uid="{00000000-0005-0000-0000-000087000000}"/>
    <cellStyle name="標準 13" xfId="271" xr:uid="{00000000-0005-0000-0000-000088000000}"/>
    <cellStyle name="標準 14" xfId="277" xr:uid="{00000000-0005-0000-0000-000089000000}"/>
    <cellStyle name="標準 15" xfId="281" xr:uid="{00000000-0005-0000-0000-00008A000000}"/>
    <cellStyle name="標準 16" xfId="284" xr:uid="{00000000-0005-0000-0000-00008B000000}"/>
    <cellStyle name="標準 17" xfId="285" xr:uid="{00000000-0005-0000-0000-00008C000000}"/>
    <cellStyle name="標準 18" xfId="290" xr:uid="{00000000-0005-0000-0000-00008D000000}"/>
    <cellStyle name="標準 19" xfId="292" xr:uid="{00000000-0005-0000-0000-00008E000000}"/>
    <cellStyle name="標準 2" xfId="40" xr:uid="{00000000-0005-0000-0000-00008F000000}"/>
    <cellStyle name="標準 2 2" xfId="41" xr:uid="{00000000-0005-0000-0000-000090000000}"/>
    <cellStyle name="標準 20" xfId="294" xr:uid="{00000000-0005-0000-0000-000091000000}"/>
    <cellStyle name="標準 21" xfId="299" xr:uid="{00000000-0005-0000-0000-000092000000}"/>
    <cellStyle name="標準 22" xfId="301" xr:uid="{00000000-0005-0000-0000-000093000000}"/>
    <cellStyle name="標準 23" xfId="303" xr:uid="{00000000-0005-0000-0000-000094000000}"/>
    <cellStyle name="標準 24" xfId="305" xr:uid="{00000000-0005-0000-0000-000095000000}"/>
    <cellStyle name="標準 25" xfId="307" xr:uid="{00000000-0005-0000-0000-000096000000}"/>
    <cellStyle name="標準 26" xfId="309" xr:uid="{00000000-0005-0000-0000-000097000000}"/>
    <cellStyle name="標準 27" xfId="311" xr:uid="{00000000-0005-0000-0000-000098000000}"/>
    <cellStyle name="標準 28" xfId="313" xr:uid="{00000000-0005-0000-0000-000099000000}"/>
    <cellStyle name="標準 29" xfId="318" xr:uid="{00000000-0005-0000-0000-00009A000000}"/>
    <cellStyle name="標準 3" xfId="42" xr:uid="{00000000-0005-0000-0000-00009B000000}"/>
    <cellStyle name="標準 3 2" xfId="43" xr:uid="{00000000-0005-0000-0000-00009C000000}"/>
    <cellStyle name="標準 3 2 2" xfId="44" xr:uid="{00000000-0005-0000-0000-00009D000000}"/>
    <cellStyle name="標準 3 2 2 2" xfId="184" xr:uid="{00000000-0005-0000-0000-00009E000000}"/>
    <cellStyle name="標準 3 2 3" xfId="183" xr:uid="{00000000-0005-0000-0000-00009F000000}"/>
    <cellStyle name="標準 3 3" xfId="45" xr:uid="{00000000-0005-0000-0000-0000A0000000}"/>
    <cellStyle name="標準 3 3 2" xfId="46" xr:uid="{00000000-0005-0000-0000-0000A1000000}"/>
    <cellStyle name="標準 3 3 2 2" xfId="186" xr:uid="{00000000-0005-0000-0000-0000A2000000}"/>
    <cellStyle name="標準 3 3 3" xfId="185" xr:uid="{00000000-0005-0000-0000-0000A3000000}"/>
    <cellStyle name="標準 3 4" xfId="47" xr:uid="{00000000-0005-0000-0000-0000A4000000}"/>
    <cellStyle name="標準 3 4 2" xfId="48" xr:uid="{00000000-0005-0000-0000-0000A5000000}"/>
    <cellStyle name="標準 3 4 2 2" xfId="188" xr:uid="{00000000-0005-0000-0000-0000A6000000}"/>
    <cellStyle name="標準 3 4 3" xfId="187" xr:uid="{00000000-0005-0000-0000-0000A7000000}"/>
    <cellStyle name="標準 3 5" xfId="49" xr:uid="{00000000-0005-0000-0000-0000A8000000}"/>
    <cellStyle name="標準 3 5 2" xfId="189" xr:uid="{00000000-0005-0000-0000-0000A9000000}"/>
    <cellStyle name="標準 3 6" xfId="121" xr:uid="{00000000-0005-0000-0000-0000AA000000}"/>
    <cellStyle name="標準 3 6 2" xfId="257" xr:uid="{00000000-0005-0000-0000-0000AB000000}"/>
    <cellStyle name="標準 3 7" xfId="137" xr:uid="{00000000-0005-0000-0000-0000AC000000}"/>
    <cellStyle name="標準 3 8" xfId="182" xr:uid="{00000000-0005-0000-0000-0000AD000000}"/>
    <cellStyle name="標準 3 9" xfId="279" xr:uid="{00000000-0005-0000-0000-0000AE000000}"/>
    <cellStyle name="標準 30" xfId="321" xr:uid="{00000000-0005-0000-0000-0000AF000000}"/>
    <cellStyle name="標準 31" xfId="323" xr:uid="{00000000-0005-0000-0000-0000B0000000}"/>
    <cellStyle name="標準 32" xfId="325" xr:uid="{00000000-0005-0000-0000-0000B1000000}"/>
    <cellStyle name="標準 33" xfId="327" xr:uid="{00000000-0005-0000-0000-0000B2000000}"/>
    <cellStyle name="標準 34" xfId="329" xr:uid="{00000000-0005-0000-0000-0000B3000000}"/>
    <cellStyle name="標準 35" xfId="331" xr:uid="{00000000-0005-0000-0000-0000B4000000}"/>
    <cellStyle name="標準 36" xfId="333" xr:uid="{00000000-0005-0000-0000-0000B5000000}"/>
    <cellStyle name="標準 37" xfId="335" xr:uid="{00000000-0005-0000-0000-0000B6000000}"/>
    <cellStyle name="標準 38" xfId="337" xr:uid="{00000000-0005-0000-0000-0000B7000000}"/>
    <cellStyle name="標準 39" xfId="339" xr:uid="{C20AAC44-6941-4C8C-B42E-D53317FC9C08}"/>
    <cellStyle name="標準 4" xfId="50" xr:uid="{00000000-0005-0000-0000-0000B8000000}"/>
    <cellStyle name="標準 4 2" xfId="51" xr:uid="{00000000-0005-0000-0000-0000B9000000}"/>
    <cellStyle name="標準 4 2 2" xfId="52" xr:uid="{00000000-0005-0000-0000-0000BA000000}"/>
    <cellStyle name="標準 4 2 3" xfId="53" xr:uid="{00000000-0005-0000-0000-0000BB000000}"/>
    <cellStyle name="標準 4 2 3 2" xfId="192" xr:uid="{00000000-0005-0000-0000-0000BC000000}"/>
    <cellStyle name="標準 4 2 4" xfId="191" xr:uid="{00000000-0005-0000-0000-0000BD000000}"/>
    <cellStyle name="標準 4 3" xfId="54" xr:uid="{00000000-0005-0000-0000-0000BE000000}"/>
    <cellStyle name="標準 4 3 2" xfId="55" xr:uid="{00000000-0005-0000-0000-0000BF000000}"/>
    <cellStyle name="標準 4 3 2 2" xfId="194" xr:uid="{00000000-0005-0000-0000-0000C0000000}"/>
    <cellStyle name="標準 4 3 3" xfId="193" xr:uid="{00000000-0005-0000-0000-0000C1000000}"/>
    <cellStyle name="標準 4 4" xfId="56" xr:uid="{00000000-0005-0000-0000-0000C2000000}"/>
    <cellStyle name="標準 4 4 2" xfId="57" xr:uid="{00000000-0005-0000-0000-0000C3000000}"/>
    <cellStyle name="標準 4 4 2 2" xfId="196" xr:uid="{00000000-0005-0000-0000-0000C4000000}"/>
    <cellStyle name="標準 4 4 3" xfId="195" xr:uid="{00000000-0005-0000-0000-0000C5000000}"/>
    <cellStyle name="標準 4 5" xfId="58" xr:uid="{00000000-0005-0000-0000-0000C6000000}"/>
    <cellStyle name="標準 4 5 2" xfId="197" xr:uid="{00000000-0005-0000-0000-0000C7000000}"/>
    <cellStyle name="標準 4 6" xfId="122" xr:uid="{00000000-0005-0000-0000-0000C8000000}"/>
    <cellStyle name="標準 4 6 2" xfId="258" xr:uid="{00000000-0005-0000-0000-0000C9000000}"/>
    <cellStyle name="標準 4 7" xfId="190" xr:uid="{00000000-0005-0000-0000-0000CA000000}"/>
    <cellStyle name="標準 40" xfId="341" xr:uid="{DDEF7A59-49C2-4E47-A31B-0B9B013962CF}"/>
    <cellStyle name="標準 41" xfId="347" xr:uid="{CB4E972D-EA79-44F6-ABC1-98FE6E2B9A02}"/>
    <cellStyle name="標準 42" xfId="350" xr:uid="{57A9E4C4-85B6-49E2-86F0-3D1071A2DC87}"/>
    <cellStyle name="標準 43" xfId="358" xr:uid="{09F5E689-88DC-4A54-BD16-A77D7B76E7E5}"/>
    <cellStyle name="標準 44" xfId="360" xr:uid="{5AD3E763-4FA7-472F-8A9B-2A5BF3C01CE6}"/>
    <cellStyle name="標準 5" xfId="59" xr:uid="{00000000-0005-0000-0000-0000CB000000}"/>
    <cellStyle name="標準 5 2" xfId="60" xr:uid="{00000000-0005-0000-0000-0000CC000000}"/>
    <cellStyle name="標準 5 3" xfId="61" xr:uid="{00000000-0005-0000-0000-0000CD000000}"/>
    <cellStyle name="標準 5 3 2" xfId="62" xr:uid="{00000000-0005-0000-0000-0000CE000000}"/>
    <cellStyle name="標準 5 3 2 2" xfId="200" xr:uid="{00000000-0005-0000-0000-0000CF000000}"/>
    <cellStyle name="標準 5 3 3" xfId="199" xr:uid="{00000000-0005-0000-0000-0000D0000000}"/>
    <cellStyle name="標準 5 4" xfId="63" xr:uid="{00000000-0005-0000-0000-0000D1000000}"/>
    <cellStyle name="標準 5 4 2" xfId="64" xr:uid="{00000000-0005-0000-0000-0000D2000000}"/>
    <cellStyle name="標準 5 4 2 2" xfId="202" xr:uid="{00000000-0005-0000-0000-0000D3000000}"/>
    <cellStyle name="標準 5 4 3" xfId="201" xr:uid="{00000000-0005-0000-0000-0000D4000000}"/>
    <cellStyle name="標準 5 5" xfId="65" xr:uid="{00000000-0005-0000-0000-0000D5000000}"/>
    <cellStyle name="標準 5 5 2" xfId="203" xr:uid="{00000000-0005-0000-0000-0000D6000000}"/>
    <cellStyle name="標準 5 6" xfId="123" xr:uid="{00000000-0005-0000-0000-0000D7000000}"/>
    <cellStyle name="標準 5 6 2" xfId="259" xr:uid="{00000000-0005-0000-0000-0000D8000000}"/>
    <cellStyle name="標準 5 7" xfId="198" xr:uid="{00000000-0005-0000-0000-0000D9000000}"/>
    <cellStyle name="標準 6" xfId="66" xr:uid="{00000000-0005-0000-0000-0000DA000000}"/>
    <cellStyle name="標準 6 2" xfId="67" xr:uid="{00000000-0005-0000-0000-0000DB000000}"/>
    <cellStyle name="標準 6 2 2" xfId="68" xr:uid="{00000000-0005-0000-0000-0000DC000000}"/>
    <cellStyle name="標準 6 2 2 2" xfId="206" xr:uid="{00000000-0005-0000-0000-0000DD000000}"/>
    <cellStyle name="標準 6 2 3" xfId="205" xr:uid="{00000000-0005-0000-0000-0000DE000000}"/>
    <cellStyle name="標準 6 3" xfId="69" xr:uid="{00000000-0005-0000-0000-0000DF000000}"/>
    <cellStyle name="標準 6 3 2" xfId="70" xr:uid="{00000000-0005-0000-0000-0000E0000000}"/>
    <cellStyle name="標準 6 3 2 2" xfId="208" xr:uid="{00000000-0005-0000-0000-0000E1000000}"/>
    <cellStyle name="標準 6 3 3" xfId="207" xr:uid="{00000000-0005-0000-0000-0000E2000000}"/>
    <cellStyle name="標準 6 4" xfId="71" xr:uid="{00000000-0005-0000-0000-0000E3000000}"/>
    <cellStyle name="標準 6 4 2" xfId="209" xr:uid="{00000000-0005-0000-0000-0000E4000000}"/>
    <cellStyle name="標準 6 5" xfId="124" xr:uid="{00000000-0005-0000-0000-0000E5000000}"/>
    <cellStyle name="標準 6 5 2" xfId="260" xr:uid="{00000000-0005-0000-0000-0000E6000000}"/>
    <cellStyle name="標準 6 6" xfId="204" xr:uid="{00000000-0005-0000-0000-0000E7000000}"/>
    <cellStyle name="標準 7" xfId="72" xr:uid="{00000000-0005-0000-0000-0000E8000000}"/>
    <cellStyle name="標準 7 10" xfId="286" xr:uid="{00000000-0005-0000-0000-0000E9000000}"/>
    <cellStyle name="標準 7 11" xfId="352" xr:uid="{C5AF1AF0-72F1-4E18-9792-38B8FB22C0A5}"/>
    <cellStyle name="標準 7 2" xfId="73" xr:uid="{00000000-0005-0000-0000-0000EA000000}"/>
    <cellStyle name="標準 7 2 10" xfId="210" xr:uid="{00000000-0005-0000-0000-0000EB000000}"/>
    <cellStyle name="標準 7 2 11" xfId="287" xr:uid="{00000000-0005-0000-0000-0000EC000000}"/>
    <cellStyle name="標準 7 2 12" xfId="296" xr:uid="{00000000-0005-0000-0000-0000ED000000}"/>
    <cellStyle name="標準 7 2 13" xfId="315" xr:uid="{00000000-0005-0000-0000-0000EE000000}"/>
    <cellStyle name="標準 7 2 14" xfId="343" xr:uid="{7D03A7AE-0D18-46D6-8419-811B6386525D}"/>
    <cellStyle name="標準 7 2 15" xfId="354" xr:uid="{87B8D834-CC63-4D1F-BD21-EAF11BC8469D}"/>
    <cellStyle name="標準 7 2 2" xfId="74" xr:uid="{00000000-0005-0000-0000-0000EF000000}"/>
    <cellStyle name="標準 7 2 2 2" xfId="75" xr:uid="{00000000-0005-0000-0000-0000F0000000}"/>
    <cellStyle name="標準 7 2 2 2 2" xfId="212" xr:uid="{00000000-0005-0000-0000-0000F1000000}"/>
    <cellStyle name="標準 7 2 2 3" xfId="211" xr:uid="{00000000-0005-0000-0000-0000F2000000}"/>
    <cellStyle name="標準 7 2 3" xfId="76" xr:uid="{00000000-0005-0000-0000-0000F3000000}"/>
    <cellStyle name="標準 7 2 3 2" xfId="77" xr:uid="{00000000-0005-0000-0000-0000F4000000}"/>
    <cellStyle name="標準 7 2 3 2 2" xfId="214" xr:uid="{00000000-0005-0000-0000-0000F5000000}"/>
    <cellStyle name="標準 7 2 3 3" xfId="213" xr:uid="{00000000-0005-0000-0000-0000F6000000}"/>
    <cellStyle name="標準 7 2 4" xfId="78" xr:uid="{00000000-0005-0000-0000-0000F7000000}"/>
    <cellStyle name="標準 7 2 4 2" xfId="79" xr:uid="{00000000-0005-0000-0000-0000F8000000}"/>
    <cellStyle name="標準 7 2 4 2 2" xfId="216" xr:uid="{00000000-0005-0000-0000-0000F9000000}"/>
    <cellStyle name="標準 7 2 4 3" xfId="215" xr:uid="{00000000-0005-0000-0000-0000FA000000}"/>
    <cellStyle name="標準 7 2 5" xfId="80" xr:uid="{00000000-0005-0000-0000-0000FB000000}"/>
    <cellStyle name="標準 7 2 5 2" xfId="81" xr:uid="{00000000-0005-0000-0000-0000FC000000}"/>
    <cellStyle name="標準 7 2 5 2 2" xfId="218" xr:uid="{00000000-0005-0000-0000-0000FD000000}"/>
    <cellStyle name="標準 7 2 5 3" xfId="217" xr:uid="{00000000-0005-0000-0000-0000FE000000}"/>
    <cellStyle name="標準 7 2 6" xfId="82" xr:uid="{00000000-0005-0000-0000-0000FF000000}"/>
    <cellStyle name="標準 7 2 6 2" xfId="219" xr:uid="{00000000-0005-0000-0000-000000010000}"/>
    <cellStyle name="標準 7 2 7" xfId="83" xr:uid="{00000000-0005-0000-0000-000001010000}"/>
    <cellStyle name="標準 7 2 7 2" xfId="220" xr:uid="{00000000-0005-0000-0000-000002010000}"/>
    <cellStyle name="標準 7 2 8" xfId="130" xr:uid="{00000000-0005-0000-0000-000003010000}"/>
    <cellStyle name="標準 7 2 8 2" xfId="266" xr:uid="{00000000-0005-0000-0000-000004010000}"/>
    <cellStyle name="標準 7 2 9" xfId="146" xr:uid="{00000000-0005-0000-0000-000005010000}"/>
    <cellStyle name="標準 7 3" xfId="84" xr:uid="{00000000-0005-0000-0000-000006010000}"/>
    <cellStyle name="標準 7 3 2" xfId="85" xr:uid="{00000000-0005-0000-0000-000007010000}"/>
    <cellStyle name="標準 7 3 2 2" xfId="86" xr:uid="{00000000-0005-0000-0000-000008010000}"/>
    <cellStyle name="標準 7 3 2 2 2" xfId="87" xr:uid="{00000000-0005-0000-0000-000009010000}"/>
    <cellStyle name="標準 7 3 2 2 2 2" xfId="224" xr:uid="{00000000-0005-0000-0000-00000A010000}"/>
    <cellStyle name="標準 7 3 2 2 3" xfId="118" xr:uid="{00000000-0005-0000-0000-00000B010000}"/>
    <cellStyle name="標準 7 3 2 2 3 2" xfId="254" xr:uid="{00000000-0005-0000-0000-00000C010000}"/>
    <cellStyle name="標準 7 3 2 2 4" xfId="223" xr:uid="{00000000-0005-0000-0000-00000D010000}"/>
    <cellStyle name="標準 7 3 2 3" xfId="88" xr:uid="{00000000-0005-0000-0000-00000E010000}"/>
    <cellStyle name="標準 7 3 2 3 2" xfId="225" xr:uid="{00000000-0005-0000-0000-00000F010000}"/>
    <cellStyle name="標準 7 3 2 4" xfId="222" xr:uid="{00000000-0005-0000-0000-000010010000}"/>
    <cellStyle name="標準 7 3 3" xfId="89" xr:uid="{00000000-0005-0000-0000-000011010000}"/>
    <cellStyle name="標準 7 3 3 2" xfId="90" xr:uid="{00000000-0005-0000-0000-000012010000}"/>
    <cellStyle name="標準 7 3 3 2 2" xfId="227" xr:uid="{00000000-0005-0000-0000-000013010000}"/>
    <cellStyle name="標準 7 3 3 3" xfId="226" xr:uid="{00000000-0005-0000-0000-000014010000}"/>
    <cellStyle name="標準 7 3 4" xfId="91" xr:uid="{00000000-0005-0000-0000-000015010000}"/>
    <cellStyle name="標準 7 3 4 2" xfId="92" xr:uid="{00000000-0005-0000-0000-000016010000}"/>
    <cellStyle name="標準 7 3 4 2 2" xfId="229" xr:uid="{00000000-0005-0000-0000-000017010000}"/>
    <cellStyle name="標準 7 3 4 3" xfId="228" xr:uid="{00000000-0005-0000-0000-000018010000}"/>
    <cellStyle name="標準 7 3 5" xfId="93" xr:uid="{00000000-0005-0000-0000-000019010000}"/>
    <cellStyle name="標準 7 3 5 2" xfId="230" xr:uid="{00000000-0005-0000-0000-00001A010000}"/>
    <cellStyle name="標準 7 3 6" xfId="132" xr:uid="{00000000-0005-0000-0000-00001B010000}"/>
    <cellStyle name="標準 7 3 6 2" xfId="268" xr:uid="{00000000-0005-0000-0000-00001C010000}"/>
    <cellStyle name="標準 7 3 7" xfId="221" xr:uid="{00000000-0005-0000-0000-00001D010000}"/>
    <cellStyle name="標準 7 4" xfId="94" xr:uid="{00000000-0005-0000-0000-00001E010000}"/>
    <cellStyle name="標準 7 4 2" xfId="95" xr:uid="{00000000-0005-0000-0000-00001F010000}"/>
    <cellStyle name="標準 7 4 2 2" xfId="232" xr:uid="{00000000-0005-0000-0000-000020010000}"/>
    <cellStyle name="標準 7 4 3" xfId="231" xr:uid="{00000000-0005-0000-0000-000021010000}"/>
    <cellStyle name="標準 7 4 4" xfId="320" xr:uid="{00000000-0005-0000-0000-000022010000}"/>
    <cellStyle name="標準 7 5" xfId="96" xr:uid="{00000000-0005-0000-0000-000023010000}"/>
    <cellStyle name="標準 7 5 2" xfId="97" xr:uid="{00000000-0005-0000-0000-000024010000}"/>
    <cellStyle name="標準 7 5 2 2" xfId="234" xr:uid="{00000000-0005-0000-0000-000025010000}"/>
    <cellStyle name="標準 7 5 3" xfId="233" xr:uid="{00000000-0005-0000-0000-000026010000}"/>
    <cellStyle name="標準 7 5 4" xfId="349" xr:uid="{BF2B4237-8599-4416-AFE6-C08217FBB36F}"/>
    <cellStyle name="標準 7 6" xfId="98" xr:uid="{00000000-0005-0000-0000-000027010000}"/>
    <cellStyle name="標準 7 6 2" xfId="235" xr:uid="{00000000-0005-0000-0000-000028010000}"/>
    <cellStyle name="標準 7 6 3" xfId="353" xr:uid="{F14606D3-B0F4-4ABD-AE6E-DC1C44A8041C}"/>
    <cellStyle name="標準 7 7" xfId="125" xr:uid="{00000000-0005-0000-0000-000029010000}"/>
    <cellStyle name="標準 7 7 2" xfId="261" xr:uid="{00000000-0005-0000-0000-00002A010000}"/>
    <cellStyle name="標準 7 8" xfId="145" xr:uid="{00000000-0005-0000-0000-00002B010000}"/>
    <cellStyle name="標準 7 9" xfId="149" xr:uid="{00000000-0005-0000-0000-00002C010000}"/>
    <cellStyle name="標準 8" xfId="99" xr:uid="{00000000-0005-0000-0000-00002D010000}"/>
    <cellStyle name="標準 8 2" xfId="100" xr:uid="{00000000-0005-0000-0000-00002E010000}"/>
    <cellStyle name="標準 8 2 2" xfId="101" xr:uid="{00000000-0005-0000-0000-00002F010000}"/>
    <cellStyle name="標準 8 2 2 2" xfId="238" xr:uid="{00000000-0005-0000-0000-000030010000}"/>
    <cellStyle name="標準 8 2 3" xfId="237" xr:uid="{00000000-0005-0000-0000-000031010000}"/>
    <cellStyle name="標準 8 3" xfId="102" xr:uid="{00000000-0005-0000-0000-000032010000}"/>
    <cellStyle name="標準 8 3 2" xfId="103" xr:uid="{00000000-0005-0000-0000-000033010000}"/>
    <cellStyle name="標準 8 3 2 2" xfId="240" xr:uid="{00000000-0005-0000-0000-000034010000}"/>
    <cellStyle name="標準 8 3 3" xfId="239" xr:uid="{00000000-0005-0000-0000-000035010000}"/>
    <cellStyle name="標準 8 4" xfId="104" xr:uid="{00000000-0005-0000-0000-000036010000}"/>
    <cellStyle name="標準 8 4 2" xfId="241" xr:uid="{00000000-0005-0000-0000-000037010000}"/>
    <cellStyle name="標準 8 5" xfId="127" xr:uid="{00000000-0005-0000-0000-000038010000}"/>
    <cellStyle name="標準 8 5 2" xfId="263" xr:uid="{00000000-0005-0000-0000-000039010000}"/>
    <cellStyle name="標準 8 6" xfId="236" xr:uid="{00000000-0005-0000-0000-00003A010000}"/>
    <cellStyle name="標準 9" xfId="105" xr:uid="{00000000-0005-0000-0000-00003B010000}"/>
    <cellStyle name="標準 9 2" xfId="106" xr:uid="{00000000-0005-0000-0000-00003C010000}"/>
    <cellStyle name="標準 9 2 2" xfId="107" xr:uid="{00000000-0005-0000-0000-00003D010000}"/>
    <cellStyle name="標準 9 2 2 2" xfId="108" xr:uid="{00000000-0005-0000-0000-00003E010000}"/>
    <cellStyle name="標準 9 2 2 2 2" xfId="245" xr:uid="{00000000-0005-0000-0000-00003F010000}"/>
    <cellStyle name="標準 9 2 2 3" xfId="117" xr:uid="{00000000-0005-0000-0000-000040010000}"/>
    <cellStyle name="標準 9 2 2 3 2" xfId="253" xr:uid="{00000000-0005-0000-0000-000041010000}"/>
    <cellStyle name="標準 9 2 2 4" xfId="244" xr:uid="{00000000-0005-0000-0000-000042010000}"/>
    <cellStyle name="標準 9 2 3" xfId="109" xr:uid="{00000000-0005-0000-0000-000043010000}"/>
    <cellStyle name="標準 9 2 3 2" xfId="246" xr:uid="{00000000-0005-0000-0000-000044010000}"/>
    <cellStyle name="標準 9 2 4" xfId="243" xr:uid="{00000000-0005-0000-0000-000045010000}"/>
    <cellStyle name="標準 9 3" xfId="110" xr:uid="{00000000-0005-0000-0000-000046010000}"/>
    <cellStyle name="標準 9 3 2" xfId="111" xr:uid="{00000000-0005-0000-0000-000047010000}"/>
    <cellStyle name="標準 9 3 2 2" xfId="248" xr:uid="{00000000-0005-0000-0000-000048010000}"/>
    <cellStyle name="標準 9 3 3" xfId="247" xr:uid="{00000000-0005-0000-0000-000049010000}"/>
    <cellStyle name="標準 9 4" xfId="112" xr:uid="{00000000-0005-0000-0000-00004A010000}"/>
    <cellStyle name="標準 9 4 2" xfId="113" xr:uid="{00000000-0005-0000-0000-00004B010000}"/>
    <cellStyle name="標準 9 4 2 2" xfId="250" xr:uid="{00000000-0005-0000-0000-00004C010000}"/>
    <cellStyle name="標準 9 4 3" xfId="249" xr:uid="{00000000-0005-0000-0000-00004D010000}"/>
    <cellStyle name="標準 9 5" xfId="114" xr:uid="{00000000-0005-0000-0000-00004E010000}"/>
    <cellStyle name="標準 9 6" xfId="115" xr:uid="{00000000-0005-0000-0000-00004F010000}"/>
    <cellStyle name="標準 9 6 2" xfId="251" xr:uid="{00000000-0005-0000-0000-000050010000}"/>
    <cellStyle name="標準 9 7" xfId="133" xr:uid="{00000000-0005-0000-0000-000051010000}"/>
    <cellStyle name="標準 9 7 2" xfId="269" xr:uid="{00000000-0005-0000-0000-000052010000}"/>
    <cellStyle name="標準 9 8" xfId="242" xr:uid="{00000000-0005-0000-0000-000053010000}"/>
    <cellStyle name="標準_③予算事業別調書(目次様式)" xfId="1" xr:uid="{00000000-0005-0000-0000-000054010000}"/>
  </cellStyles>
  <dxfs count="0"/>
  <tableStyles count="0" defaultTableStyle="TableStyleMedium2" defaultPivotStyle="PivotStyleLight16"/>
  <colors>
    <mruColors>
      <color rgb="FF99FFCC"/>
      <color rgb="FFFF99CC"/>
      <color rgb="FF0000FF"/>
      <color rgb="FFFF6699"/>
      <color rgb="FF66FF66"/>
      <color rgb="FFFFCCFF"/>
      <color rgb="FF33CC33"/>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externalLink" Target="externalLinks/externalLink7.xml"/><Relationship Id="rId13" Type="http://schemas.openxmlformats.org/officeDocument/2006/relationships/sharedStrings" Target="sharedStrings.xml"/><Relationship Id="rId3" Type="http://schemas.openxmlformats.org/officeDocument/2006/relationships/externalLink" Target="externalLinks/externalLink2.xml"/><Relationship Id="rId7" Type="http://schemas.openxmlformats.org/officeDocument/2006/relationships/externalLink" Target="externalLinks/externalLink6.xml"/><Relationship Id="rId12" Type="http://schemas.openxmlformats.org/officeDocument/2006/relationships/styles" Target="styles.xml"/><Relationship Id="rId2" Type="http://schemas.openxmlformats.org/officeDocument/2006/relationships/externalLink" Target="externalLinks/externalLink1.xml"/><Relationship Id="rId1" Type="http://schemas.openxmlformats.org/officeDocument/2006/relationships/worksheet" Target="worksheets/sheet1.xml"/><Relationship Id="rId6" Type="http://schemas.openxmlformats.org/officeDocument/2006/relationships/externalLink" Target="externalLinks/externalLink5.xml"/><Relationship Id="rId11" Type="http://schemas.openxmlformats.org/officeDocument/2006/relationships/theme" Target="theme/theme1.xml"/><Relationship Id="rId5" Type="http://schemas.openxmlformats.org/officeDocument/2006/relationships/externalLink" Target="externalLinks/externalLink4.xml"/><Relationship Id="rId10" Type="http://schemas.openxmlformats.org/officeDocument/2006/relationships/externalLink" Target="externalLinks/externalLink9.xml"/><Relationship Id="rId4" Type="http://schemas.openxmlformats.org/officeDocument/2006/relationships/externalLink" Target="externalLinks/externalLink3.xml"/><Relationship Id="rId9" Type="http://schemas.openxmlformats.org/officeDocument/2006/relationships/externalLink" Target="externalLinks/externalLink8.xml"/><Relationship Id="rId14" Type="http://schemas.openxmlformats.org/officeDocument/2006/relationships/calcChain" Target="calcChain.xml"/></Relationships>
</file>

<file path=xl/externalLinks/_rels/externalLink1.xml.rels><?xml version="1.0" encoding="UTF-8" standalone="yes"?>
<Relationships xmlns="http://schemas.openxmlformats.org/package/2006/relationships"><Relationship Id="rId1" Type="http://schemas.openxmlformats.org/officeDocument/2006/relationships/externalLinkPath" Target="file:///\\APFF001C\OA-ja0003$\&#12518;&#12540;&#12470;&#20316;&#26989;&#29992;&#12501;&#12457;&#12523;&#12480;\da0001&#65288;&#36001;&#21209;&#65319;&#65289;\01_&#20104;&#31639;&#12398;&#12362;&#12375;&#12372;&#12392;\03_&#32113;&#25324;&#25285;&#24403;\R2&#24180;&#24230;&#12398;&#12362;&#20181;&#20107;\R3&#20104;&#31639;\07&#20104;&#31639;&#32232;&#25104;&#36890;&#30693;\&#27096;&#24335;\&#21508;&#25285;&#24403;&#12363;&#12425;\&#12481;&#12455;&#12483;&#12463;&#12471;&#12540;&#12488;&#9733;0903&#20107;&#21209;&#23616;&#25552;&#20986;.xls" TargetMode="External"/></Relationships>
</file>

<file path=xl/externalLinks/_rels/externalLink2.xml.rels><?xml version="1.0" encoding="UTF-8" standalone="yes"?>
<Relationships xmlns="http://schemas.openxmlformats.org/package/2006/relationships"><Relationship Id="rId1" Type="http://schemas.openxmlformats.org/officeDocument/2006/relationships/externalLinkPath" Target="file:///\\APFF001C\OA-ca0003$\&#22823;&#38442;&#24066;\&#36947;&#36335;&#29694;&#27841;&#34920;\cisetu17&#24180;&#24230;\&#35519;&#26360;\00&#22679;&#28187;&#34920;&#26368;&#26032;.xls" TargetMode="External"/></Relationships>
</file>

<file path=xl/externalLinks/_rels/externalLink3.xml.rels><?xml version="1.0" encoding="UTF-8" standalone="yes"?>
<Relationships xmlns="http://schemas.openxmlformats.org/package/2006/relationships"><Relationship Id="rId1" Type="http://schemas.openxmlformats.org/officeDocument/2006/relationships/externalLinkPath" Target="file:///\\APFF001C\OA-ja0003$\&#12518;&#12540;&#12470;&#20316;&#26989;&#29992;&#12501;&#12457;&#12523;&#12480;\&#26045;&#35373;&#20418;\&#65300;&#12300;&#35373;&#20633;&#38306;&#20418;&#12301;\&#26045;&#35373;&#38651;&#27671;&#25285;&#24403;\&#20445;&#23432;&#28857;&#26908;&#26989;&#21209;&#22996;&#35351;\&#20445;&#23432;&#28857;&#26908;&#26989;&#21209;&#22996;&#35351;\&#38651;&#27671;&#35373;&#20633;\&#38651;&#27671;&#20445;&#23432;&#28857;&#26908;20&#24180;&#24230;\&#38651;&#27671;&#20445;&#23432;&#22996;&#35351;19&#24180;&#24230;\&#65313;&#12539;&#65314;&#20869;&#35379;&#26360;&#65288;16&#24180;&#24230;&#65289;3.XLS" TargetMode="External"/></Relationships>
</file>

<file path=xl/externalLinks/_rels/externalLink4.xml.rels><?xml version="1.0" encoding="UTF-8" standalone="yes"?>
<Relationships xmlns="http://schemas.openxmlformats.org/package/2006/relationships"><Relationship Id="rId1" Type="http://schemas.openxmlformats.org/officeDocument/2006/relationships/externalLinkPath" Target="file:///\\APFF001C\OA-ca0030$\Users\i4351035\AppData\Local\Microsoft\Windows\Temporary%20Internet%20Files\Content.Outlook\S5FM0GTV\20150614_H26%20&#65300;-27%203_&#36890;&#30693;&#12459;&#12540;&#12489;&#35023;&#26360;&#35201;&#30064;&#21205;&#20214;&#25968;&#35519;&#26619;%20(2).xlsx" TargetMode="External"/></Relationships>
</file>

<file path=xl/externalLinks/_rels/externalLink5.xml.rels><?xml version="1.0" encoding="UTF-8" standalone="yes"?>
<Relationships xmlns="http://schemas.openxmlformats.org/package/2006/relationships"><Relationship Id="rId1" Type="http://schemas.openxmlformats.org/officeDocument/2006/relationships/externalLinkPath" Target="file:///\\APZR002C\OA-aa0011$\&#31649;&#36001;&#20849;&#26377;\&#31649;&#36001;&#20849;&#26377;\&#29031;&#20250;&#22238;&#31572;\&#23616;&#22806;(&#22303;&#22320;&#21462;&#24471;&#38500;&#12367;)\H18&#23616;&#22806;&#29031;&#20250;&#36215;&#26696;.xls" TargetMode="External"/></Relationships>
</file>

<file path=xl/externalLinks/_rels/externalLink6.xml.rels><?xml version="1.0" encoding="UTF-8" standalone="yes"?>
<Relationships xmlns="http://schemas.openxmlformats.org/package/2006/relationships"><Relationship Id="rId1" Type="http://schemas.openxmlformats.org/officeDocument/2006/relationships/externalLinkPath" Target="file:///\\APZR002C\OA-aa0011$\Users\i4253792\AppData\Local\Microsoft\Windows\Temporary%20Internet%20Files\OLK82A6\&#20844;&#20849;&#20107;&#26989;&#35211;&#36796;&#29031;&#20250;&#35519;&#26619;&#31080;%20(3).xls" TargetMode="External"/></Relationships>
</file>

<file path=xl/externalLinks/_rels/externalLink7.xml.rels><?xml version="1.0" encoding="UTF-8" standalone="yes"?>
<Relationships xmlns="http://schemas.openxmlformats.org/package/2006/relationships"><Relationship Id="rId1" Type="http://schemas.openxmlformats.org/officeDocument/2006/relationships/externalLinkPath" Target="file:///\\APZR002C\OA-aa0011$\&#12518;&#12540;&#12470;&#20316;&#26989;&#29992;&#12501;&#12457;&#12523;&#12480;\H25&#24246;&#21209;&#38306;&#20418;\&#38750;&#24120;&#21220;&#22065;&#35351;&#32887;&#21729;&#65288;H25&#65374;&#65289;\&#20986;&#21220;&#31807;&#65288;&#26045;&#35373;&#25972;&#20633;&#35506;&#65289;.xlsx" TargetMode="External"/></Relationships>
</file>

<file path=xl/externalLinks/_rels/externalLink8.xml.rels><?xml version="1.0" encoding="UTF-8" standalone="yes"?>
<Relationships xmlns="http://schemas.openxmlformats.org/package/2006/relationships"><Relationship Id="rId1" Type="http://schemas.openxmlformats.org/officeDocument/2006/relationships/externalLinkPath" Target="file:///\\APZR002C\OA-aa0011$\H23&#12539;1&#22238;&#12498;&#12450;\&#20303;&#24066;&#32207;\02.&#35036;&#21161;&#37329;\&#35201;&#26395;&#32207;&#25324;&#34920;&#12539;H22&#24180;&#24230;&#29256;&#65288;&#20061;&#24030;&#22320;&#25972;&#65289;.xls" TargetMode="External"/></Relationships>
</file>

<file path=xl/externalLinks/_rels/externalLink9.xml.rels><?xml version="1.0" encoding="UTF-8" standalone="yes"?>
<Relationships xmlns="http://schemas.openxmlformats.org/package/2006/relationships"><Relationship Id="rId1" Type="http://schemas.openxmlformats.org/officeDocument/2006/relationships/externalLinkPath" Target="file:///\\APZR002C\OA-ca0011$\Users\i9753250\AppData\Local\Microsoft\Windows\Temporary%20Internet%20Files\Content.Outlook\1QBG7IYA\&#20104;&#31639;&#32232;&#25104;&#36890;&#30693;&#27096;&#24335;&#65288;&#12481;&#12455;&#12483;&#12463;&#12471;&#12540;&#12488;&#65289;&#65288;&#26368;&#32066;&#29256;&#65289;%20(2).xls"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様式15～17(提出依頼)"/>
      <sheetName val="様式15(見直し一覧)"/>
      <sheetName val="様式16（見直しチェックシート）"/>
      <sheetName val="チェックシート記載要領"/>
      <sheetName val="見直しポイント"/>
      <sheetName val="様式17(新規補助金概要シート)"/>
      <sheetName val="新規概要シート記載要領"/>
    </sheetNames>
    <sheetDataSet>
      <sheetData sheetId="0"/>
      <sheetData sheetId="1"/>
      <sheetData sheetId="2">
        <row r="53">
          <cell r="U53" t="str">
            <v>□</v>
          </cell>
          <cell r="V53" t="str">
            <v>■</v>
          </cell>
        </row>
      </sheetData>
      <sheetData sheetId="3"/>
      <sheetData sheetId="4"/>
      <sheetData sheetId="5"/>
      <sheetData sheetId="6"/>
    </sheetDataSet>
  </externalBook>
</externalLink>
</file>

<file path=xl/externalLinks/externalLink2.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タイトル (2)"/>
      <sheetName val="タイトル"/>
      <sheetName val="改良・舗装増減内訳"/>
      <sheetName val="Sheet2"/>
      <sheetName val="整理表"/>
      <sheetName val="本表"/>
      <sheetName val="附表"/>
      <sheetName val="道路増減"/>
      <sheetName val="道路増減調書"/>
      <sheetName val="道路増減調書 (2)"/>
    </sheetNames>
    <sheetDataSet>
      <sheetData sheetId="0"/>
      <sheetData sheetId="1"/>
      <sheetData sheetId="2"/>
      <sheetData sheetId="3"/>
      <sheetData sheetId="4"/>
      <sheetData sheetId="5"/>
      <sheetData sheetId="6"/>
      <sheetData sheetId="7"/>
      <sheetData sheetId="8"/>
      <sheetData sheetId="9"/>
    </sheetDataSet>
  </externalBook>
</externalLink>
</file>

<file path=xl/externalLinks/externalLink3.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南部Ａ"/>
      <sheetName val="西部Ａ"/>
      <sheetName val="西南Ａ"/>
      <sheetName val="東南Ａ"/>
      <sheetName val="東部Ａ"/>
      <sheetName val="城北Ｂ"/>
      <sheetName val="東北Ａ"/>
      <sheetName val="北部Ｂ"/>
      <sheetName val="西北Ａ"/>
      <sheetName val="中部Ｂ"/>
      <sheetName val="中部出A"/>
      <sheetName val="瓜破Ａ"/>
      <sheetName val="北Ａ"/>
      <sheetName val="小林Ａ"/>
      <sheetName val="鶴見Ａ"/>
      <sheetName val="佃Ａ"/>
      <sheetName val="木津川Ａ"/>
      <sheetName val="北港南地区Ｂ"/>
      <sheetName val="北港ｴｱﾚｰﾀＢ"/>
      <sheetName val="明細書 (2)"/>
      <sheetName val="明細書"/>
      <sheetName val="集計"/>
      <sheetName val="平成1６年度積"/>
      <sheetName val="集計表"/>
    </sheetNames>
    <sheetDataSet>
      <sheetData sheetId="0"/>
      <sheetData sheetId="1">
        <row r="1">
          <cell r="A1" t="str">
            <v>環　境　事　業　局</v>
          </cell>
        </row>
      </sheetData>
      <sheetData sheetId="2"/>
      <sheetData sheetId="3"/>
      <sheetData sheetId="4"/>
      <sheetData sheetId="5"/>
      <sheetData sheetId="6"/>
      <sheetData sheetId="7"/>
      <sheetData sheetId="8"/>
      <sheetData sheetId="9"/>
      <sheetData sheetId="10">
        <row r="2">
          <cell r="A2" t="str">
            <v>中部環境事業センター出張所年次精密点検（Ａ点検）</v>
          </cell>
        </row>
      </sheetData>
      <sheetData sheetId="11"/>
      <sheetData sheetId="12"/>
      <sheetData sheetId="13"/>
      <sheetData sheetId="14"/>
      <sheetData sheetId="15"/>
      <sheetData sheetId="16"/>
      <sheetData sheetId="17"/>
      <sheetData sheetId="18"/>
      <sheetData sheetId="19"/>
      <sheetData sheetId="20"/>
      <sheetData sheetId="21"/>
      <sheetData sheetId="22"/>
      <sheetData sheetId="23"/>
    </sheetDataSet>
  </externalBook>
</externalLink>
</file>

<file path=xl/externalLinks/externalLink4.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集計（平成26年度）"/>
      <sheetName val="通知カード裏書必要件数"/>
      <sheetName val="集計（H26.10-H27.3）"/>
      <sheetName val="集計work"/>
      <sheetName val="異動事由 (全異動事由で精査)"/>
      <sheetName val="抽出対象異動事由 F設定（抽出範囲設定）"/>
      <sheetName val="ピポットtable"/>
      <sheetName val="20140401-20150331までの異動"/>
      <sheetName val="カード発行件数※ただし転入での引き継ぎ含む"/>
      <sheetName val="Sheet3"/>
      <sheetName val="Sheet4"/>
    </sheetNames>
    <sheetDataSet>
      <sheetData sheetId="0"/>
      <sheetData sheetId="1"/>
      <sheetData sheetId="2"/>
      <sheetData sheetId="3"/>
      <sheetData sheetId="4"/>
      <sheetData sheetId="5">
        <row r="3">
          <cell r="A3" t="str">
            <v>A01</v>
          </cell>
          <cell r="B3" t="str">
            <v>転入</v>
          </cell>
          <cell r="D3" t="str">
            <v>あり</v>
          </cell>
          <cell r="E3" t="str">
            <v>転入地で裏書するので、記載要</v>
          </cell>
          <cell r="F3">
            <v>1</v>
          </cell>
        </row>
        <row r="4">
          <cell r="A4" t="str">
            <v>A02</v>
          </cell>
          <cell r="B4" t="str">
            <v>出生</v>
          </cell>
          <cell r="D4" t="str">
            <v>あり</v>
          </cell>
          <cell r="E4" t="str">
            <v>カードの新規交付対象となるので、記載不要（できない）</v>
          </cell>
        </row>
        <row r="5">
          <cell r="A5" t="str">
            <v>A03</v>
          </cell>
          <cell r="B5" t="str">
            <v>住所設定</v>
          </cell>
          <cell r="D5" t="str">
            <v>あり</v>
          </cell>
          <cell r="E5" t="str">
            <v>カードの新規交付対象となるので、記載不要（できない）</v>
          </cell>
        </row>
        <row r="6">
          <cell r="A6" t="str">
            <v>A04</v>
          </cell>
          <cell r="B6" t="str">
            <v>帰化・国籍取得</v>
          </cell>
          <cell r="E6" t="str">
            <v>氏名変更で、記載要</v>
          </cell>
          <cell r="F6">
            <v>1</v>
          </cell>
        </row>
        <row r="7">
          <cell r="A7" t="str">
            <v>A05</v>
          </cell>
          <cell r="B7" t="str">
            <v>職権記載</v>
          </cell>
          <cell r="E7" t="str">
            <v>カードの新規交付対象となるので、記載不要（できない）</v>
          </cell>
        </row>
        <row r="8">
          <cell r="A8" t="str">
            <v>A07</v>
          </cell>
          <cell r="B8" t="str">
            <v>法30条の47</v>
          </cell>
          <cell r="E8" t="str">
            <v>カードの新規交付対象となるので、記載不要（できない）</v>
          </cell>
        </row>
        <row r="9">
          <cell r="A9" t="str">
            <v>A10</v>
          </cell>
          <cell r="B9" t="str">
            <v>転出</v>
          </cell>
          <cell r="D9" t="str">
            <v>あり</v>
          </cell>
          <cell r="E9" t="str">
            <v>転入地で裏書するので、記載不要</v>
          </cell>
        </row>
        <row r="10">
          <cell r="A10" t="str">
            <v>A11</v>
          </cell>
          <cell r="B10" t="str">
            <v>死亡</v>
          </cell>
          <cell r="E10" t="str">
            <v>カード返還対象、記載不要（返還登録は必要）</v>
          </cell>
        </row>
        <row r="11">
          <cell r="A11" t="str">
            <v>A12</v>
          </cell>
          <cell r="B11" t="str">
            <v>国籍喪失</v>
          </cell>
          <cell r="E11" t="str">
            <v>氏名変更で、記載要</v>
          </cell>
          <cell r="F11">
            <v>1</v>
          </cell>
        </row>
        <row r="12">
          <cell r="A12" t="str">
            <v>A13</v>
          </cell>
          <cell r="B12" t="str">
            <v>失踪宣告</v>
          </cell>
          <cell r="E12" t="str">
            <v>カード返還対象、記載不要（実際カード返還ないと思うが、返還登録は必要）</v>
          </cell>
        </row>
        <row r="13">
          <cell r="A13" t="str">
            <v>A14</v>
          </cell>
          <cell r="B13" t="str">
            <v>職権消除</v>
          </cell>
          <cell r="E13" t="str">
            <v>カード返還対象、記載不要（実際カード返還ないと思うが、返還登録は必要）</v>
          </cell>
        </row>
        <row r="14">
          <cell r="A14" t="str">
            <v>A16</v>
          </cell>
          <cell r="B14" t="str">
            <v>法務省通知による職権消除</v>
          </cell>
          <cell r="E14" t="str">
            <v>カード返還対象、記載不要（実際カード返還ないと思うが、返還登録は必要）</v>
          </cell>
        </row>
        <row r="15">
          <cell r="A15" t="str">
            <v>A20</v>
          </cell>
          <cell r="B15" t="str">
            <v>転居</v>
          </cell>
          <cell r="E15" t="str">
            <v>住所変更が変更するので、記載要</v>
          </cell>
          <cell r="F15">
            <v>1</v>
          </cell>
        </row>
        <row r="16">
          <cell r="A16" t="str">
            <v>A21</v>
          </cell>
          <cell r="B16" t="str">
            <v>世帯合併</v>
          </cell>
          <cell r="E16" t="str">
            <v>住所は変わらないので、記載不要</v>
          </cell>
        </row>
        <row r="17">
          <cell r="A17" t="str">
            <v>A22</v>
          </cell>
          <cell r="B17" t="str">
            <v>世帯分離</v>
          </cell>
          <cell r="D17" t="str">
            <v>あり</v>
          </cell>
          <cell r="E17" t="str">
            <v>住所は変わらないので、記載不要</v>
          </cell>
        </row>
        <row r="18">
          <cell r="A18" t="str">
            <v>A23</v>
          </cell>
          <cell r="B18" t="str">
            <v>世帯変更</v>
          </cell>
          <cell r="E18" t="str">
            <v>住所は変わらないので、記載不要</v>
          </cell>
        </row>
        <row r="19">
          <cell r="A19" t="str">
            <v>A24</v>
          </cell>
          <cell r="B19" t="str">
            <v>区間異動</v>
          </cell>
          <cell r="E19" t="str">
            <v>転入区で裏書するので、記載要</v>
          </cell>
          <cell r="F19">
            <v>1</v>
          </cell>
        </row>
        <row r="20">
          <cell r="A20" t="str">
            <v>A30</v>
          </cell>
          <cell r="B20" t="str">
            <v>職権修正</v>
          </cell>
          <cell r="E20" t="str">
            <v>修正内容により、記載要（住所、氏名、生年月日、性別の修正）</v>
          </cell>
        </row>
        <row r="21">
          <cell r="A21" t="str">
            <v>A31</v>
          </cell>
          <cell r="B21" t="str">
            <v>世帯主変更</v>
          </cell>
          <cell r="E21" t="str">
            <v>住所は変わらないので、記載不要</v>
          </cell>
        </row>
        <row r="22">
          <cell r="A22" t="str">
            <v>A32</v>
          </cell>
          <cell r="B22" t="str">
            <v>住民票修正</v>
          </cell>
          <cell r="E22" t="str">
            <v>修正内容により、記載要（住所、氏名、生年月日、性別の修正）</v>
          </cell>
        </row>
        <row r="23">
          <cell r="A23" t="str">
            <v>A33</v>
          </cell>
          <cell r="B23" t="str">
            <v>区間異動修正</v>
          </cell>
          <cell r="E23" t="str">
            <v>修正内容により、記載要（住所、氏名、生年月日、性別の修正）</v>
          </cell>
        </row>
        <row r="24">
          <cell r="A24" t="str">
            <v>A34</v>
          </cell>
          <cell r="B24" t="str">
            <v>履歴修正</v>
          </cell>
          <cell r="E24" t="str">
            <v>修正内容により、記載要（住所、氏名、生年月日、性別の修正）</v>
          </cell>
        </row>
        <row r="25">
          <cell r="A25" t="str">
            <v>A36</v>
          </cell>
          <cell r="B25" t="str">
            <v>軽微な職権修正</v>
          </cell>
          <cell r="E25" t="str">
            <v>修正内容により、記載要（住所、氏名、生年月日、性別の修正）</v>
          </cell>
        </row>
        <row r="26">
          <cell r="A26" t="str">
            <v>A37</v>
          </cell>
          <cell r="B26" t="str">
            <v>軽微な住民票修正</v>
          </cell>
          <cell r="E26" t="str">
            <v>修正内容により、記載要（住所、氏名、生年月日、性別の修正）</v>
          </cell>
        </row>
        <row r="27">
          <cell r="A27" t="str">
            <v>A38</v>
          </cell>
          <cell r="B27" t="str">
            <v>法務省通知による職権修正</v>
          </cell>
          <cell r="E27" t="str">
            <v>修正内容により、記載要（住所、氏名、生年月日、性別の修正）</v>
          </cell>
          <cell r="F27">
            <v>1</v>
          </cell>
        </row>
        <row r="28">
          <cell r="A28" t="str">
            <v>A39</v>
          </cell>
          <cell r="B28" t="str">
            <v>法務省通知による住民票修正</v>
          </cell>
          <cell r="E28" t="str">
            <v>修正内容により、記載要（住所、氏名、生年月日、性別の修正）</v>
          </cell>
          <cell r="F28">
            <v>1</v>
          </cell>
        </row>
        <row r="29">
          <cell r="A29" t="str">
            <v>A40</v>
          </cell>
          <cell r="B29" t="str">
            <v>職権回復</v>
          </cell>
          <cell r="E29" t="str">
            <v>主にカード表記住所への回復が基本となるので、不要</v>
          </cell>
        </row>
        <row r="30">
          <cell r="A30" t="str">
            <v>A41</v>
          </cell>
          <cell r="B30" t="str">
            <v>転出取消</v>
          </cell>
          <cell r="E30" t="str">
            <v>カード表記住所に戻ることが基本となるので、不要</v>
          </cell>
        </row>
        <row r="31">
          <cell r="A31" t="str">
            <v>A42</v>
          </cell>
          <cell r="B31" t="str">
            <v>法務省通知による職権回復</v>
          </cell>
          <cell r="E31" t="str">
            <v>主にカード表記住所への回復が基本となるので、不要</v>
          </cell>
        </row>
        <row r="32">
          <cell r="A32" t="str">
            <v>A54</v>
          </cell>
          <cell r="B32" t="str">
            <v>処理取消</v>
          </cell>
          <cell r="E32" t="str">
            <v>内部処理のため、不要</v>
          </cell>
        </row>
        <row r="33">
          <cell r="A33" t="str">
            <v>A55</v>
          </cell>
          <cell r="B33" t="str">
            <v>帰化・国籍取得</v>
          </cell>
          <cell r="E33" t="str">
            <v>氏名変更で、記載要</v>
          </cell>
          <cell r="F33">
            <v>1</v>
          </cell>
        </row>
        <row r="34">
          <cell r="A34" t="str">
            <v>A56</v>
          </cell>
          <cell r="B34" t="str">
            <v>国籍喪失</v>
          </cell>
          <cell r="E34" t="str">
            <v>氏名変更で、記載要</v>
          </cell>
          <cell r="F34">
            <v>1</v>
          </cell>
        </row>
        <row r="35">
          <cell r="A35" t="str">
            <v>F30</v>
          </cell>
          <cell r="B35" t="str">
            <v>通称履歴修正</v>
          </cell>
          <cell r="E35" t="str">
            <v>氏名変更で、記載要</v>
          </cell>
          <cell r="F35">
            <v>1</v>
          </cell>
        </row>
        <row r="36">
          <cell r="A36" t="str">
            <v>N01</v>
          </cell>
          <cell r="B36" t="str">
            <v>付記転入</v>
          </cell>
          <cell r="E36" t="str">
            <v>転入地で裏書するので、記載要</v>
          </cell>
          <cell r="F36">
            <v>1</v>
          </cell>
        </row>
        <row r="37">
          <cell r="A37" t="str">
            <v>N02</v>
          </cell>
          <cell r="B37" t="str">
            <v>特例転入</v>
          </cell>
          <cell r="E37" t="str">
            <v>転入地で裏書するので、記載要</v>
          </cell>
          <cell r="F37">
            <v>1</v>
          </cell>
        </row>
        <row r="38">
          <cell r="A38" t="str">
            <v>N10</v>
          </cell>
          <cell r="B38" t="str">
            <v>付記転出</v>
          </cell>
          <cell r="E38" t="str">
            <v>転入地で裏書するので、記載不要</v>
          </cell>
        </row>
        <row r="39">
          <cell r="A39" t="str">
            <v>N11</v>
          </cell>
          <cell r="B39" t="str">
            <v>特例転出</v>
          </cell>
          <cell r="E39" t="str">
            <v>転入地で裏書するので、記載不要</v>
          </cell>
        </row>
      </sheetData>
      <sheetData sheetId="6"/>
      <sheetData sheetId="7"/>
      <sheetData sheetId="8"/>
      <sheetData sheetId="9"/>
      <sheetData sheetId="10"/>
    </sheetDataSet>
  </externalBook>
</externalLink>
</file>

<file path=xl/externalLinks/externalLink5.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入力表"/>
      <sheetName val="裏面入力・印刷"/>
      <sheetName val="回答書"/>
      <sheetName val="索引プリントアウト"/>
    </sheetNames>
    <sheetDataSet>
      <sheetData sheetId="0">
        <row r="28">
          <cell r="D28" t="str">
            <v>標題</v>
          </cell>
          <cell r="E28" t="str">
            <v>供覧</v>
          </cell>
          <cell r="F28" t="str">
            <v>送年</v>
          </cell>
          <cell r="G28" t="str">
            <v>送月</v>
          </cell>
          <cell r="H28" t="str">
            <v>送日</v>
          </cell>
          <cell r="I28" t="str">
            <v>水発</v>
          </cell>
          <cell r="J28" t="str">
            <v>決裁</v>
          </cell>
          <cell r="K28" t="str">
            <v>用地係長</v>
          </cell>
          <cell r="L28" t="str">
            <v>担当係長</v>
          </cell>
          <cell r="M28" t="str">
            <v>相手方</v>
          </cell>
          <cell r="N28" t="str">
            <v>当方</v>
          </cell>
          <cell r="O28" t="str">
            <v>年</v>
          </cell>
          <cell r="P28" t="str">
            <v>月</v>
          </cell>
          <cell r="Q28" t="str">
            <v>日</v>
          </cell>
          <cell r="R28" t="str">
            <v>有無</v>
          </cell>
          <cell r="S28" t="str">
            <v>内容</v>
          </cell>
          <cell r="T28" t="str">
            <v>非公開</v>
          </cell>
          <cell r="U28" t="str">
            <v>理由</v>
          </cell>
          <cell r="V28" t="str">
            <v>名称</v>
          </cell>
          <cell r="W28" t="str">
            <v>他市</v>
          </cell>
          <cell r="X28" t="str">
            <v>公印省略</v>
          </cell>
          <cell r="Y28" t="str">
            <v>市･局･部１</v>
          </cell>
          <cell r="Z28" t="str">
            <v>課・氏名１</v>
          </cell>
          <cell r="AA28" t="str">
            <v>発１</v>
          </cell>
          <cell r="AB28" t="str">
            <v>号１</v>
          </cell>
          <cell r="AC28" t="str">
            <v>課１</v>
          </cell>
          <cell r="AD28" t="str">
            <v>市･局･部２</v>
          </cell>
          <cell r="AE28" t="str">
            <v>課・氏名２</v>
          </cell>
          <cell r="AF28" t="str">
            <v>発２</v>
          </cell>
          <cell r="AG28" t="str">
            <v>号２</v>
          </cell>
          <cell r="AH28" t="str">
            <v>課２</v>
          </cell>
          <cell r="AI28" t="str">
            <v>重要</v>
          </cell>
          <cell r="AJ28" t="str">
            <v>関係事項１</v>
          </cell>
          <cell r="AK28" t="str">
            <v>関係事項２</v>
          </cell>
          <cell r="AL28" t="str">
            <v>関係事項３</v>
          </cell>
        </row>
        <row r="29">
          <cell r="B29">
            <v>1</v>
          </cell>
          <cell r="C29" t="str">
            <v>号</v>
          </cell>
          <cell r="D29" t="str">
            <v>職制改正に伴う大阪市財産運用委員会委員及び幹事の変更について</v>
          </cell>
          <cell r="E29" t="str">
            <v>決裁</v>
          </cell>
          <cell r="F29">
            <v>18</v>
          </cell>
          <cell r="G29">
            <v>4</v>
          </cell>
          <cell r="H29">
            <v>13</v>
          </cell>
          <cell r="I29">
            <v>7</v>
          </cell>
          <cell r="J29" t="str">
            <v>○</v>
          </cell>
          <cell r="M29" t="str">
            <v>依頼</v>
          </cell>
          <cell r="N29" t="str">
            <v>回答</v>
          </cell>
          <cell r="O29">
            <v>18</v>
          </cell>
          <cell r="P29">
            <v>4</v>
          </cell>
          <cell r="Q29">
            <v>11</v>
          </cell>
          <cell r="R29" t="str">
            <v>有</v>
          </cell>
          <cell r="T29" t="str">
            <v>公開</v>
          </cell>
          <cell r="V29" t="str">
            <v>水道局長</v>
          </cell>
          <cell r="Y29" t="str">
            <v>財政局長</v>
          </cell>
          <cell r="AA29" t="str">
            <v>財</v>
          </cell>
          <cell r="AB29">
            <v>5032</v>
          </cell>
          <cell r="AC29" t="str">
            <v>財政局契約監理部管財課</v>
          </cell>
        </row>
        <row r="30">
          <cell r="B30">
            <v>2</v>
          </cell>
          <cell r="C30" t="str">
            <v>号</v>
          </cell>
          <cell r="D30" t="str">
            <v>財産管理主任会議の開催について</v>
          </cell>
          <cell r="E30" t="str">
            <v>決裁</v>
          </cell>
          <cell r="F30">
            <v>18</v>
          </cell>
          <cell r="G30">
            <v>5</v>
          </cell>
          <cell r="H30">
            <v>19</v>
          </cell>
          <cell r="J30" t="str">
            <v>○</v>
          </cell>
          <cell r="M30" t="str">
            <v>依頼</v>
          </cell>
          <cell r="N30" t="str">
            <v>回答</v>
          </cell>
          <cell r="O30">
            <v>18</v>
          </cell>
          <cell r="P30">
            <v>5</v>
          </cell>
          <cell r="Q30">
            <v>17</v>
          </cell>
          <cell r="R30" t="str">
            <v>有</v>
          </cell>
          <cell r="T30" t="str">
            <v>公開</v>
          </cell>
          <cell r="V30" t="str">
            <v>管財担当課長</v>
          </cell>
          <cell r="Y30" t="str">
            <v>財政局契約監理部管財課長</v>
          </cell>
          <cell r="AA30" t="str">
            <v>財</v>
          </cell>
          <cell r="AB30">
            <v>5138</v>
          </cell>
          <cell r="AC30" t="str">
            <v>財政局契約監理部管財課</v>
          </cell>
        </row>
        <row r="31">
          <cell r="B31">
            <v>3</v>
          </cell>
          <cell r="C31" t="str">
            <v>号</v>
          </cell>
          <cell r="D31" t="str">
            <v>公有財産現在額（公営企業会計）について</v>
          </cell>
          <cell r="E31" t="str">
            <v>決裁</v>
          </cell>
          <cell r="F31">
            <v>18</v>
          </cell>
          <cell r="G31">
            <v>5</v>
          </cell>
          <cell r="H31">
            <v>31</v>
          </cell>
          <cell r="I31">
            <v>51</v>
          </cell>
          <cell r="M31" t="str">
            <v>依頼</v>
          </cell>
          <cell r="N31" t="str">
            <v>回答</v>
          </cell>
          <cell r="O31">
            <v>18</v>
          </cell>
          <cell r="P31">
            <v>4</v>
          </cell>
          <cell r="Q31">
            <v>28</v>
          </cell>
          <cell r="R31" t="str">
            <v>有</v>
          </cell>
          <cell r="T31" t="str">
            <v>公開</v>
          </cell>
          <cell r="V31" t="str">
            <v>水道局長</v>
          </cell>
          <cell r="Y31" t="str">
            <v>財政局契約総長</v>
          </cell>
          <cell r="AA31" t="str">
            <v>財</v>
          </cell>
          <cell r="AB31">
            <v>5099</v>
          </cell>
          <cell r="AC31" t="str">
            <v>財政局契約監理部管財課</v>
          </cell>
          <cell r="AJ31" t="str">
            <v>固定資産情報</v>
          </cell>
        </row>
        <row r="32">
          <cell r="B32">
            <v>4</v>
          </cell>
          <cell r="C32" t="str">
            <v>号</v>
          </cell>
          <cell r="D32" t="str">
            <v>未利用地等の市有地情報の一元化にかかる資料の作成について</v>
          </cell>
          <cell r="E32" t="str">
            <v>決裁</v>
          </cell>
          <cell r="M32" t="str">
            <v>依頼</v>
          </cell>
          <cell r="N32" t="str">
            <v>回答</v>
          </cell>
          <cell r="O32">
            <v>18</v>
          </cell>
          <cell r="P32">
            <v>5</v>
          </cell>
          <cell r="Q32">
            <v>19</v>
          </cell>
          <cell r="R32" t="str">
            <v>有</v>
          </cell>
          <cell r="T32" t="str">
            <v>公開</v>
          </cell>
          <cell r="V32" t="str">
            <v>水道局長</v>
          </cell>
          <cell r="Y32" t="str">
            <v>財政局契約総長</v>
          </cell>
          <cell r="AC32" t="str">
            <v>資産流動化プロジェクトチーム（用地チーム事務局）</v>
          </cell>
        </row>
        <row r="33">
          <cell r="B33" t="str">
            <v/>
          </cell>
          <cell r="C33" t="str">
            <v>号</v>
          </cell>
        </row>
        <row r="34">
          <cell r="B34" t="str">
            <v/>
          </cell>
          <cell r="C34" t="str">
            <v>号</v>
          </cell>
        </row>
        <row r="35">
          <cell r="B35" t="str">
            <v/>
          </cell>
          <cell r="C35" t="str">
            <v>号</v>
          </cell>
        </row>
        <row r="36">
          <cell r="B36" t="str">
            <v/>
          </cell>
          <cell r="C36" t="str">
            <v>号</v>
          </cell>
        </row>
        <row r="37">
          <cell r="B37" t="str">
            <v/>
          </cell>
          <cell r="C37" t="str">
            <v>号</v>
          </cell>
        </row>
        <row r="38">
          <cell r="B38" t="str">
            <v/>
          </cell>
          <cell r="C38" t="str">
            <v>号</v>
          </cell>
        </row>
        <row r="39">
          <cell r="B39" t="str">
            <v/>
          </cell>
          <cell r="C39" t="str">
            <v>号</v>
          </cell>
        </row>
        <row r="40">
          <cell r="B40" t="str">
            <v/>
          </cell>
          <cell r="C40" t="str">
            <v>号</v>
          </cell>
        </row>
        <row r="41">
          <cell r="B41" t="str">
            <v/>
          </cell>
          <cell r="C41" t="str">
            <v>号</v>
          </cell>
        </row>
        <row r="42">
          <cell r="B42" t="str">
            <v/>
          </cell>
          <cell r="C42" t="str">
            <v>号</v>
          </cell>
        </row>
        <row r="43">
          <cell r="B43" t="str">
            <v/>
          </cell>
          <cell r="C43" t="str">
            <v>号</v>
          </cell>
        </row>
        <row r="44">
          <cell r="B44" t="str">
            <v/>
          </cell>
          <cell r="C44" t="str">
            <v>号</v>
          </cell>
        </row>
        <row r="45">
          <cell r="B45" t="str">
            <v/>
          </cell>
          <cell r="C45" t="str">
            <v>号</v>
          </cell>
        </row>
        <row r="46">
          <cell r="B46" t="str">
            <v/>
          </cell>
          <cell r="C46" t="str">
            <v>号</v>
          </cell>
        </row>
        <row r="47">
          <cell r="B47" t="str">
            <v/>
          </cell>
          <cell r="C47" t="str">
            <v>号</v>
          </cell>
        </row>
        <row r="48">
          <cell r="B48" t="str">
            <v/>
          </cell>
          <cell r="C48" t="str">
            <v>号</v>
          </cell>
        </row>
        <row r="49">
          <cell r="B49" t="str">
            <v/>
          </cell>
          <cell r="C49" t="str">
            <v>号</v>
          </cell>
        </row>
        <row r="50">
          <cell r="B50" t="str">
            <v/>
          </cell>
          <cell r="C50" t="str">
            <v>号</v>
          </cell>
          <cell r="T50" t="str">
            <v>公開</v>
          </cell>
        </row>
        <row r="51">
          <cell r="B51" t="str">
            <v/>
          </cell>
          <cell r="C51" t="str">
            <v>号</v>
          </cell>
          <cell r="T51" t="str">
            <v>公開</v>
          </cell>
        </row>
        <row r="52">
          <cell r="B52" t="str">
            <v/>
          </cell>
          <cell r="C52" t="str">
            <v>号</v>
          </cell>
          <cell r="T52" t="str">
            <v>公開</v>
          </cell>
        </row>
        <row r="53">
          <cell r="B53" t="str">
            <v/>
          </cell>
          <cell r="C53" t="str">
            <v>号</v>
          </cell>
          <cell r="T53" t="str">
            <v>公開</v>
          </cell>
        </row>
        <row r="54">
          <cell r="B54" t="str">
            <v/>
          </cell>
          <cell r="C54" t="str">
            <v>号</v>
          </cell>
          <cell r="T54" t="str">
            <v>公開</v>
          </cell>
        </row>
        <row r="55">
          <cell r="B55" t="str">
            <v/>
          </cell>
          <cell r="C55" t="str">
            <v>号</v>
          </cell>
          <cell r="T55" t="str">
            <v>公開</v>
          </cell>
        </row>
        <row r="56">
          <cell r="B56" t="str">
            <v/>
          </cell>
          <cell r="C56" t="str">
            <v>号</v>
          </cell>
          <cell r="T56" t="str">
            <v>公開</v>
          </cell>
        </row>
        <row r="57">
          <cell r="B57" t="str">
            <v/>
          </cell>
          <cell r="C57" t="str">
            <v>号</v>
          </cell>
          <cell r="T57" t="str">
            <v>公開</v>
          </cell>
        </row>
        <row r="58">
          <cell r="B58" t="str">
            <v/>
          </cell>
          <cell r="C58" t="str">
            <v>号</v>
          </cell>
          <cell r="T58" t="str">
            <v>公開</v>
          </cell>
        </row>
        <row r="59">
          <cell r="B59" t="str">
            <v/>
          </cell>
          <cell r="C59" t="str">
            <v>号</v>
          </cell>
          <cell r="T59" t="str">
            <v>公開</v>
          </cell>
        </row>
        <row r="60">
          <cell r="B60" t="str">
            <v/>
          </cell>
          <cell r="C60" t="str">
            <v>号</v>
          </cell>
          <cell r="T60" t="str">
            <v>公開</v>
          </cell>
        </row>
        <row r="61">
          <cell r="B61" t="str">
            <v/>
          </cell>
          <cell r="C61" t="str">
            <v>号</v>
          </cell>
          <cell r="T61" t="str">
            <v>公開</v>
          </cell>
        </row>
        <row r="62">
          <cell r="B62" t="str">
            <v/>
          </cell>
          <cell r="C62" t="str">
            <v>号</v>
          </cell>
          <cell r="T62" t="str">
            <v>公開</v>
          </cell>
        </row>
        <row r="63">
          <cell r="B63" t="str">
            <v/>
          </cell>
          <cell r="C63" t="str">
            <v>号</v>
          </cell>
          <cell r="T63" t="str">
            <v>公開</v>
          </cell>
        </row>
        <row r="64">
          <cell r="B64" t="str">
            <v/>
          </cell>
          <cell r="C64" t="str">
            <v>号</v>
          </cell>
          <cell r="T64" t="str">
            <v>公開</v>
          </cell>
        </row>
        <row r="65">
          <cell r="B65" t="str">
            <v/>
          </cell>
          <cell r="C65" t="str">
            <v>号</v>
          </cell>
          <cell r="T65" t="str">
            <v>公開</v>
          </cell>
        </row>
        <row r="66">
          <cell r="B66" t="str">
            <v/>
          </cell>
          <cell r="C66" t="str">
            <v>号</v>
          </cell>
          <cell r="T66" t="str">
            <v>公開</v>
          </cell>
        </row>
        <row r="67">
          <cell r="B67" t="str">
            <v/>
          </cell>
          <cell r="C67" t="str">
            <v>号</v>
          </cell>
          <cell r="T67" t="str">
            <v>公開</v>
          </cell>
        </row>
        <row r="68">
          <cell r="B68" t="str">
            <v/>
          </cell>
          <cell r="C68" t="str">
            <v>号</v>
          </cell>
          <cell r="T68" t="str">
            <v>公開</v>
          </cell>
        </row>
        <row r="69">
          <cell r="B69" t="str">
            <v/>
          </cell>
          <cell r="C69" t="str">
            <v>号</v>
          </cell>
          <cell r="T69" t="str">
            <v>公開</v>
          </cell>
        </row>
        <row r="70">
          <cell r="B70" t="str">
            <v/>
          </cell>
          <cell r="C70" t="str">
            <v>号</v>
          </cell>
          <cell r="T70" t="str">
            <v>公開</v>
          </cell>
        </row>
        <row r="71">
          <cell r="B71" t="str">
            <v/>
          </cell>
          <cell r="C71" t="str">
            <v>号</v>
          </cell>
          <cell r="T71" t="str">
            <v>公開</v>
          </cell>
        </row>
        <row r="72">
          <cell r="B72" t="str">
            <v/>
          </cell>
          <cell r="C72" t="str">
            <v>号</v>
          </cell>
          <cell r="T72" t="str">
            <v>公開</v>
          </cell>
        </row>
        <row r="73">
          <cell r="B73" t="str">
            <v/>
          </cell>
          <cell r="C73" t="str">
            <v>号</v>
          </cell>
          <cell r="T73" t="str">
            <v>公開</v>
          </cell>
        </row>
        <row r="74">
          <cell r="B74" t="str">
            <v/>
          </cell>
          <cell r="C74" t="str">
            <v>号</v>
          </cell>
          <cell r="T74" t="str">
            <v>公開</v>
          </cell>
        </row>
        <row r="75">
          <cell r="B75" t="str">
            <v/>
          </cell>
          <cell r="C75" t="str">
            <v>号</v>
          </cell>
          <cell r="T75" t="str">
            <v>公開</v>
          </cell>
        </row>
        <row r="76">
          <cell r="B76" t="str">
            <v/>
          </cell>
          <cell r="C76" t="str">
            <v>号</v>
          </cell>
          <cell r="T76" t="str">
            <v>公開</v>
          </cell>
        </row>
        <row r="77">
          <cell r="B77" t="str">
            <v/>
          </cell>
          <cell r="C77" t="str">
            <v>号</v>
          </cell>
          <cell r="T77" t="str">
            <v>公開</v>
          </cell>
        </row>
        <row r="78">
          <cell r="B78" t="str">
            <v/>
          </cell>
          <cell r="C78" t="str">
            <v>号</v>
          </cell>
          <cell r="T78" t="str">
            <v>公開</v>
          </cell>
        </row>
        <row r="79">
          <cell r="B79" t="str">
            <v/>
          </cell>
          <cell r="C79" t="str">
            <v>号</v>
          </cell>
          <cell r="T79" t="str">
            <v>公開</v>
          </cell>
        </row>
        <row r="80">
          <cell r="B80" t="str">
            <v/>
          </cell>
          <cell r="C80" t="str">
            <v>号</v>
          </cell>
          <cell r="T80" t="str">
            <v>公開</v>
          </cell>
        </row>
        <row r="81">
          <cell r="B81" t="str">
            <v/>
          </cell>
          <cell r="C81" t="str">
            <v>号</v>
          </cell>
          <cell r="T81" t="str">
            <v>公開</v>
          </cell>
        </row>
        <row r="82">
          <cell r="B82" t="str">
            <v/>
          </cell>
          <cell r="C82" t="str">
            <v>号</v>
          </cell>
          <cell r="T82" t="str">
            <v>公開</v>
          </cell>
        </row>
        <row r="83">
          <cell r="B83" t="str">
            <v/>
          </cell>
          <cell r="C83" t="str">
            <v>号</v>
          </cell>
          <cell r="T83" t="str">
            <v>公開</v>
          </cell>
        </row>
        <row r="84">
          <cell r="B84" t="str">
            <v/>
          </cell>
          <cell r="C84" t="str">
            <v>号</v>
          </cell>
          <cell r="T84" t="str">
            <v>公開</v>
          </cell>
        </row>
        <row r="85">
          <cell r="B85" t="str">
            <v/>
          </cell>
          <cell r="C85" t="str">
            <v>号</v>
          </cell>
          <cell r="T85" t="str">
            <v>公開</v>
          </cell>
        </row>
        <row r="86">
          <cell r="B86" t="str">
            <v/>
          </cell>
          <cell r="C86" t="str">
            <v>号</v>
          </cell>
          <cell r="T86" t="str">
            <v>公開</v>
          </cell>
        </row>
        <row r="87">
          <cell r="B87" t="str">
            <v/>
          </cell>
          <cell r="C87" t="str">
            <v>号</v>
          </cell>
          <cell r="T87" t="str">
            <v>公開</v>
          </cell>
        </row>
        <row r="88">
          <cell r="B88" t="str">
            <v/>
          </cell>
          <cell r="C88" t="str">
            <v>号</v>
          </cell>
          <cell r="T88" t="str">
            <v>公開</v>
          </cell>
        </row>
        <row r="89">
          <cell r="B89" t="str">
            <v/>
          </cell>
          <cell r="C89" t="str">
            <v>号</v>
          </cell>
          <cell r="T89" t="str">
            <v>公開</v>
          </cell>
        </row>
        <row r="90">
          <cell r="B90" t="str">
            <v/>
          </cell>
          <cell r="C90" t="str">
            <v>号</v>
          </cell>
          <cell r="T90" t="str">
            <v>公開</v>
          </cell>
        </row>
        <row r="91">
          <cell r="B91" t="str">
            <v/>
          </cell>
          <cell r="C91" t="str">
            <v>号</v>
          </cell>
          <cell r="T91" t="str">
            <v>公開</v>
          </cell>
        </row>
        <row r="92">
          <cell r="B92" t="str">
            <v/>
          </cell>
          <cell r="C92" t="str">
            <v>号</v>
          </cell>
          <cell r="T92" t="str">
            <v>公開</v>
          </cell>
        </row>
        <row r="93">
          <cell r="B93" t="str">
            <v/>
          </cell>
          <cell r="C93" t="str">
            <v>号</v>
          </cell>
          <cell r="T93" t="str">
            <v>公開</v>
          </cell>
        </row>
        <row r="94">
          <cell r="B94" t="str">
            <v/>
          </cell>
          <cell r="C94" t="str">
            <v>号</v>
          </cell>
          <cell r="T94" t="str">
            <v>公開</v>
          </cell>
        </row>
        <row r="95">
          <cell r="B95" t="str">
            <v/>
          </cell>
          <cell r="C95" t="str">
            <v>号</v>
          </cell>
          <cell r="T95" t="str">
            <v>公開</v>
          </cell>
        </row>
        <row r="96">
          <cell r="B96" t="str">
            <v/>
          </cell>
          <cell r="C96" t="str">
            <v>号</v>
          </cell>
          <cell r="T96" t="str">
            <v>公開</v>
          </cell>
        </row>
        <row r="97">
          <cell r="B97" t="str">
            <v/>
          </cell>
          <cell r="C97" t="str">
            <v>号</v>
          </cell>
          <cell r="T97" t="str">
            <v>公開</v>
          </cell>
        </row>
        <row r="98">
          <cell r="B98" t="str">
            <v/>
          </cell>
          <cell r="C98" t="str">
            <v>号</v>
          </cell>
          <cell r="T98" t="str">
            <v>公開</v>
          </cell>
        </row>
        <row r="99">
          <cell r="B99" t="str">
            <v/>
          </cell>
          <cell r="C99" t="str">
            <v>号</v>
          </cell>
          <cell r="T99" t="str">
            <v>公開</v>
          </cell>
        </row>
        <row r="100">
          <cell r="B100" t="str">
            <v/>
          </cell>
          <cell r="C100" t="str">
            <v>号</v>
          </cell>
          <cell r="T100" t="str">
            <v>公開</v>
          </cell>
        </row>
        <row r="101">
          <cell r="B101" t="str">
            <v/>
          </cell>
          <cell r="C101" t="str">
            <v>号</v>
          </cell>
          <cell r="T101" t="str">
            <v>公開</v>
          </cell>
        </row>
        <row r="102">
          <cell r="B102" t="str">
            <v/>
          </cell>
          <cell r="C102" t="str">
            <v>号</v>
          </cell>
          <cell r="T102" t="str">
            <v>公開</v>
          </cell>
        </row>
        <row r="103">
          <cell r="B103" t="str">
            <v/>
          </cell>
          <cell r="C103" t="str">
            <v>号</v>
          </cell>
          <cell r="T103" t="str">
            <v>公開</v>
          </cell>
        </row>
        <row r="104">
          <cell r="B104" t="str">
            <v/>
          </cell>
          <cell r="C104" t="str">
            <v>号</v>
          </cell>
          <cell r="T104" t="str">
            <v>公開</v>
          </cell>
        </row>
        <row r="105">
          <cell r="B105" t="str">
            <v/>
          </cell>
          <cell r="C105" t="str">
            <v>号</v>
          </cell>
          <cell r="T105" t="str">
            <v>公開</v>
          </cell>
        </row>
        <row r="106">
          <cell r="B106" t="str">
            <v/>
          </cell>
          <cell r="C106" t="str">
            <v>号</v>
          </cell>
          <cell r="T106" t="str">
            <v>公開</v>
          </cell>
        </row>
        <row r="107">
          <cell r="B107" t="str">
            <v/>
          </cell>
          <cell r="C107" t="str">
            <v>号</v>
          </cell>
          <cell r="T107" t="str">
            <v>公開</v>
          </cell>
        </row>
        <row r="108">
          <cell r="B108" t="str">
            <v/>
          </cell>
          <cell r="C108" t="str">
            <v>号</v>
          </cell>
          <cell r="T108" t="str">
            <v>公開</v>
          </cell>
        </row>
        <row r="109">
          <cell r="B109" t="str">
            <v/>
          </cell>
          <cell r="C109" t="str">
            <v>号</v>
          </cell>
          <cell r="T109" t="str">
            <v>公開</v>
          </cell>
        </row>
        <row r="110">
          <cell r="B110" t="str">
            <v/>
          </cell>
          <cell r="C110" t="str">
            <v>号</v>
          </cell>
          <cell r="T110" t="str">
            <v>公開</v>
          </cell>
        </row>
        <row r="111">
          <cell r="B111" t="str">
            <v/>
          </cell>
          <cell r="C111" t="str">
            <v>号</v>
          </cell>
          <cell r="T111" t="str">
            <v>公開</v>
          </cell>
        </row>
        <row r="112">
          <cell r="B112" t="str">
            <v/>
          </cell>
          <cell r="C112" t="str">
            <v>号</v>
          </cell>
          <cell r="T112" t="str">
            <v>公開</v>
          </cell>
        </row>
        <row r="113">
          <cell r="B113" t="str">
            <v/>
          </cell>
          <cell r="C113" t="str">
            <v>号</v>
          </cell>
          <cell r="T113" t="str">
            <v>公開</v>
          </cell>
        </row>
        <row r="114">
          <cell r="B114" t="str">
            <v/>
          </cell>
          <cell r="C114" t="str">
            <v>号</v>
          </cell>
          <cell r="T114" t="str">
            <v>公開</v>
          </cell>
        </row>
        <row r="115">
          <cell r="B115" t="str">
            <v/>
          </cell>
          <cell r="C115" t="str">
            <v>号</v>
          </cell>
          <cell r="T115" t="str">
            <v>公開</v>
          </cell>
        </row>
        <row r="116">
          <cell r="B116" t="str">
            <v/>
          </cell>
          <cell r="C116" t="str">
            <v>号</v>
          </cell>
          <cell r="T116" t="str">
            <v>公開</v>
          </cell>
        </row>
        <row r="117">
          <cell r="B117" t="str">
            <v/>
          </cell>
          <cell r="C117" t="str">
            <v>号</v>
          </cell>
          <cell r="T117" t="str">
            <v>公開</v>
          </cell>
        </row>
        <row r="118">
          <cell r="B118" t="str">
            <v/>
          </cell>
          <cell r="C118" t="str">
            <v>号</v>
          </cell>
          <cell r="T118" t="str">
            <v>公開</v>
          </cell>
        </row>
        <row r="119">
          <cell r="B119" t="str">
            <v/>
          </cell>
          <cell r="C119" t="str">
            <v>号</v>
          </cell>
          <cell r="T119" t="str">
            <v>公開</v>
          </cell>
        </row>
        <row r="120">
          <cell r="B120" t="str">
            <v/>
          </cell>
          <cell r="C120" t="str">
            <v>号</v>
          </cell>
          <cell r="T120" t="str">
            <v>公開</v>
          </cell>
        </row>
        <row r="121">
          <cell r="B121" t="str">
            <v/>
          </cell>
          <cell r="C121" t="str">
            <v>号</v>
          </cell>
          <cell r="T121" t="str">
            <v>公開</v>
          </cell>
        </row>
        <row r="122">
          <cell r="B122" t="str">
            <v/>
          </cell>
          <cell r="C122" t="str">
            <v>号</v>
          </cell>
          <cell r="T122" t="str">
            <v>公開</v>
          </cell>
        </row>
        <row r="123">
          <cell r="B123" t="str">
            <v/>
          </cell>
          <cell r="C123" t="str">
            <v>号</v>
          </cell>
          <cell r="T123" t="str">
            <v>公開</v>
          </cell>
        </row>
        <row r="124">
          <cell r="B124" t="str">
            <v/>
          </cell>
          <cell r="C124" t="str">
            <v>号</v>
          </cell>
          <cell r="T124" t="str">
            <v>公開</v>
          </cell>
        </row>
        <row r="125">
          <cell r="B125" t="str">
            <v/>
          </cell>
          <cell r="C125" t="str">
            <v>号</v>
          </cell>
          <cell r="T125" t="str">
            <v>公開</v>
          </cell>
        </row>
        <row r="126">
          <cell r="B126" t="str">
            <v/>
          </cell>
          <cell r="C126" t="str">
            <v>号</v>
          </cell>
          <cell r="T126" t="str">
            <v>公開</v>
          </cell>
        </row>
        <row r="127">
          <cell r="B127" t="str">
            <v/>
          </cell>
          <cell r="C127" t="str">
            <v>号</v>
          </cell>
          <cell r="T127" t="str">
            <v>公開</v>
          </cell>
        </row>
        <row r="128">
          <cell r="B128" t="str">
            <v/>
          </cell>
          <cell r="C128" t="str">
            <v>号</v>
          </cell>
          <cell r="T128" t="str">
            <v>公開</v>
          </cell>
        </row>
        <row r="129">
          <cell r="B129" t="str">
            <v/>
          </cell>
          <cell r="C129" t="str">
            <v>号</v>
          </cell>
          <cell r="T129" t="str">
            <v>公開</v>
          </cell>
        </row>
      </sheetData>
      <sheetData sheetId="1"/>
      <sheetData sheetId="2"/>
      <sheetData sheetId="3"/>
    </sheetDataSet>
  </externalBook>
</externalLink>
</file>

<file path=xl/externalLinks/externalLink6.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調査票"/>
      <sheetName val="記入方法リスト"/>
      <sheetName val="入力規則シート（触らないで）"/>
      <sheetName val="Sheet5"/>
    </sheetNames>
    <sheetDataSet>
      <sheetData sheetId="0" refreshError="1"/>
      <sheetData sheetId="1">
        <row r="72">
          <cell r="B72">
            <v>1</v>
          </cell>
        </row>
        <row r="73">
          <cell r="B73" t="str">
            <v>2-1</v>
          </cell>
        </row>
        <row r="74">
          <cell r="B74" t="str">
            <v>2-2</v>
          </cell>
        </row>
        <row r="75">
          <cell r="B75" t="str">
            <v>2-3</v>
          </cell>
        </row>
        <row r="76">
          <cell r="B76" t="str">
            <v>3-1</v>
          </cell>
        </row>
        <row r="77">
          <cell r="B77" t="str">
            <v>3-2</v>
          </cell>
        </row>
        <row r="78">
          <cell r="B78" t="str">
            <v>3-3</v>
          </cell>
        </row>
        <row r="79">
          <cell r="B79" t="str">
            <v>3-4</v>
          </cell>
        </row>
        <row r="80">
          <cell r="B80" t="str">
            <v>4</v>
          </cell>
        </row>
        <row r="81">
          <cell r="B81" t="str">
            <v>5</v>
          </cell>
        </row>
      </sheetData>
      <sheetData sheetId="2">
        <row r="1">
          <cell r="A1" t="str">
            <v>1.大</v>
          </cell>
        </row>
        <row r="2">
          <cell r="A2" t="str">
            <v>2.改</v>
          </cell>
        </row>
        <row r="3">
          <cell r="A3" t="str">
            <v>3.人</v>
          </cell>
        </row>
        <row r="4">
          <cell r="A4" t="str">
            <v>4.政</v>
          </cell>
        </row>
        <row r="5">
          <cell r="A5" t="str">
            <v>5.危</v>
          </cell>
        </row>
        <row r="6">
          <cell r="A6" t="str">
            <v>6.経</v>
          </cell>
        </row>
        <row r="7">
          <cell r="A7" t="str">
            <v>7.中</v>
          </cell>
        </row>
        <row r="8">
          <cell r="A8" t="str">
            <v>8.総</v>
          </cell>
        </row>
        <row r="9">
          <cell r="A9" t="str">
            <v>9.市</v>
          </cell>
        </row>
        <row r="10">
          <cell r="A10" t="str">
            <v>10.財</v>
          </cell>
        </row>
        <row r="11">
          <cell r="A11" t="str">
            <v>11.契</v>
          </cell>
        </row>
        <row r="12">
          <cell r="A12" t="str">
            <v>12.計</v>
          </cell>
        </row>
        <row r="13">
          <cell r="A13" t="str">
            <v>13.福</v>
          </cell>
        </row>
        <row r="14">
          <cell r="A14" t="str">
            <v>14.健</v>
          </cell>
        </row>
        <row r="15">
          <cell r="A15" t="str">
            <v>15.こ</v>
          </cell>
        </row>
        <row r="16">
          <cell r="A16" t="str">
            <v>16.環</v>
          </cell>
        </row>
        <row r="17">
          <cell r="A17" t="str">
            <v>17.都</v>
          </cell>
        </row>
        <row r="18">
          <cell r="A18" t="str">
            <v>18.建</v>
          </cell>
        </row>
        <row r="19">
          <cell r="A19" t="str">
            <v>19.港</v>
          </cell>
        </row>
        <row r="20">
          <cell r="A20" t="str">
            <v>20.会</v>
          </cell>
        </row>
        <row r="21">
          <cell r="A21" t="str">
            <v>21.消</v>
          </cell>
        </row>
        <row r="22">
          <cell r="A22" t="str">
            <v>22.教</v>
          </cell>
        </row>
        <row r="23">
          <cell r="A23" t="str">
            <v>23.行</v>
          </cell>
        </row>
        <row r="24">
          <cell r="A24" t="str">
            <v>24.市会</v>
          </cell>
        </row>
        <row r="25">
          <cell r="A25" t="str">
            <v>25.高</v>
          </cell>
        </row>
        <row r="26">
          <cell r="A26" t="str">
            <v>26.自</v>
          </cell>
        </row>
        <row r="27">
          <cell r="A27" t="str">
            <v>27.水</v>
          </cell>
        </row>
        <row r="28">
          <cell r="A28" t="str">
            <v>28.工</v>
          </cell>
        </row>
        <row r="29">
          <cell r="A29" t="str">
            <v>29.病</v>
          </cell>
        </row>
        <row r="31">
          <cell r="A31">
            <v>1</v>
          </cell>
        </row>
        <row r="32">
          <cell r="A32" t="str">
            <v>2.ﾊｺ</v>
          </cell>
        </row>
        <row r="33">
          <cell r="A33" t="str">
            <v>3.ｲﾝ</v>
          </cell>
        </row>
        <row r="35">
          <cell r="A35" t="str">
            <v>1.新規</v>
          </cell>
        </row>
        <row r="36">
          <cell r="A36" t="str">
            <v>2.既存</v>
          </cell>
        </row>
        <row r="38">
          <cell r="A38" t="str">
            <v>1.裁量</v>
          </cell>
        </row>
        <row r="39">
          <cell r="A39" t="str">
            <v>2.非裁</v>
          </cell>
        </row>
        <row r="40">
          <cell r="A40" t="str">
            <v>3.重点</v>
          </cell>
        </row>
        <row r="42">
          <cell r="A42" t="str">
            <v>1.区CM</v>
          </cell>
        </row>
        <row r="44">
          <cell r="A44" t="str">
            <v>1.効果</v>
          </cell>
        </row>
        <row r="45">
          <cell r="A45" t="str">
            <v>2.見直し</v>
          </cell>
        </row>
        <row r="46">
          <cell r="A46" t="str">
            <v>3.再構築</v>
          </cell>
        </row>
        <row r="47">
          <cell r="A47" t="str">
            <v>4.なし</v>
          </cell>
        </row>
        <row r="49">
          <cell r="A49" t="str">
            <v>1.府市A</v>
          </cell>
        </row>
        <row r="50">
          <cell r="A50" t="str">
            <v>2.府市B</v>
          </cell>
        </row>
        <row r="51">
          <cell r="A51" t="str">
            <v>3.府市C</v>
          </cell>
        </row>
        <row r="52">
          <cell r="A52" t="str">
            <v>4.なし</v>
          </cell>
        </row>
        <row r="60">
          <cell r="A60" t="str">
            <v>1.有</v>
          </cell>
        </row>
        <row r="61">
          <cell r="A61" t="str">
            <v>2.無</v>
          </cell>
        </row>
        <row r="74">
          <cell r="A74" t="str">
            <v>1.公</v>
          </cell>
        </row>
        <row r="75">
          <cell r="A75" t="str">
            <v>2.貸</v>
          </cell>
        </row>
        <row r="76">
          <cell r="A76" t="str">
            <v>3.出</v>
          </cell>
        </row>
        <row r="77">
          <cell r="A77" t="str">
            <v>4.は</v>
          </cell>
        </row>
        <row r="78">
          <cell r="A78" t="str">
            <v>5.運</v>
          </cell>
        </row>
        <row r="79">
          <cell r="A79" t="str">
            <v>6.消</v>
          </cell>
        </row>
        <row r="80">
          <cell r="A80" t="str">
            <v>7.特</v>
          </cell>
        </row>
        <row r="81">
          <cell r="A81" t="str">
            <v>8.蓄</v>
          </cell>
        </row>
      </sheetData>
      <sheetData sheetId="3" refreshError="1"/>
    </sheetDataSet>
  </externalBook>
</externalLink>
</file>

<file path=xl/externalLinks/externalLink7.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4月分）"/>
      <sheetName val="（5月分）"/>
      <sheetName val="（6月分）"/>
      <sheetName val="（7月分）"/>
      <sheetName val="（8月分）"/>
      <sheetName val="（9月分）"/>
      <sheetName val="（10月分）"/>
      <sheetName val="（11月分）"/>
      <sheetName val="（12月分）"/>
      <sheetName val="（1月分）"/>
      <sheetName val="（2月分）"/>
      <sheetName val="（3月分）"/>
      <sheetName val="Sheet1"/>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ow r="1">
          <cell r="A1" t="str">
            <v>R131482</v>
          </cell>
        </row>
        <row r="2">
          <cell r="A2" t="str">
            <v>R131484</v>
          </cell>
        </row>
        <row r="3">
          <cell r="A3" t="str">
            <v>R131485</v>
          </cell>
        </row>
        <row r="4">
          <cell r="A4" t="str">
            <v>R131486</v>
          </cell>
        </row>
        <row r="5">
          <cell r="A5" t="str">
            <v>R131487</v>
          </cell>
        </row>
      </sheetData>
    </sheetDataSet>
  </externalBook>
</externalLink>
</file>

<file path=xl/externalLinks/externalLink8.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要望データ"/>
      <sheetName val="施設データ"/>
      <sheetName val="地区データ"/>
      <sheetName val="Sheet1"/>
    </sheetNames>
    <sheetDataSet>
      <sheetData sheetId="0">
        <row r="1">
          <cell r="A1">
            <v>22</v>
          </cell>
        </row>
      </sheetData>
      <sheetData sheetId="1" refreshError="1"/>
      <sheetData sheetId="2" refreshError="1"/>
      <sheetData sheetId="3" refreshError="1"/>
    </sheetDataSet>
  </externalBook>
</externalLink>
</file>

<file path=xl/externalLinks/externalLink9.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様式17～19(提出依頼)"/>
      <sheetName val="様式17(見直し一覧)"/>
      <sheetName val="様式18（見直しチェックシート）"/>
      <sheetName val="チェックシート記載要領"/>
      <sheetName val="見直しポイント"/>
      <sheetName val="様式19(新規補助金概要シート)"/>
      <sheetName val="新規概要シート記載要領"/>
    </sheetNames>
    <sheetDataSet>
      <sheetData sheetId="0"/>
      <sheetData sheetId="1">
        <row r="38">
          <cell r="A38" t="str">
            <v>1-1</v>
          </cell>
        </row>
        <row r="39">
          <cell r="A39" t="str">
            <v>1-2</v>
          </cell>
        </row>
        <row r="40">
          <cell r="A40" t="str">
            <v>1-3</v>
          </cell>
        </row>
        <row r="41">
          <cell r="A41" t="str">
            <v>1-4</v>
          </cell>
        </row>
        <row r="42">
          <cell r="A42" t="str">
            <v>1-5</v>
          </cell>
        </row>
        <row r="43">
          <cell r="A43">
            <v>2</v>
          </cell>
        </row>
        <row r="44">
          <cell r="A44" t="str">
            <v>3-1</v>
          </cell>
        </row>
        <row r="45">
          <cell r="A45" t="str">
            <v>3-2</v>
          </cell>
        </row>
        <row r="46">
          <cell r="A46" t="str">
            <v>3-3</v>
          </cell>
        </row>
        <row r="47">
          <cell r="A47">
            <v>4</v>
          </cell>
        </row>
      </sheetData>
      <sheetData sheetId="2">
        <row r="50">
          <cell r="S50" t="str">
            <v>□</v>
          </cell>
        </row>
      </sheetData>
      <sheetData sheetId="3"/>
      <sheetData sheetId="4"/>
      <sheetData sheetId="5"/>
      <sheetData sheetId="6"/>
    </sheetDataSet>
  </externalBook>
</externalLink>
</file>

<file path=xl/theme/theme1.xml><?xml version="1.0" encoding="utf-8"?>
<a:theme xmlns:a="http://schemas.openxmlformats.org/drawingml/2006/main" name="Office Theme 2007 - 2010">
  <a:themeElements>
    <a:clrScheme name="Office 2007 - 2010">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2007 - 2010">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2007 - 2010">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3" Type="http://schemas.openxmlformats.org/officeDocument/2006/relationships/comments" Target="../comments1.xml"/><Relationship Id="rId2" Type="http://schemas.openxmlformats.org/officeDocument/2006/relationships/vmlDrawing" Target="../drawings/vmlDrawing1.vml"/><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sheetPr codeName="Sheet6"/>
  <dimension ref="A1:AP54"/>
  <sheetViews>
    <sheetView tabSelected="1" view="pageBreakPreview" zoomScale="80" zoomScaleNormal="40" zoomScaleSheetLayoutView="80" zoomScalePageLayoutView="85" workbookViewId="0">
      <pane xSplit="7" ySplit="5" topLeftCell="O6" activePane="bottomRight" state="frozen"/>
      <selection pane="topRight"/>
      <selection pane="bottomLeft"/>
      <selection pane="bottomRight" activeCell="X31" sqref="X31"/>
    </sheetView>
  </sheetViews>
  <sheetFormatPr defaultColWidth="8.6640625" defaultRowHeight="18" customHeight="1" outlineLevelCol="1"/>
  <cols>
    <col min="1" max="1" width="2.44140625" style="1" hidden="1" customWidth="1"/>
    <col min="2" max="2" width="2.44140625" style="4" customWidth="1"/>
    <col min="3" max="3" width="4.6640625" style="4" customWidth="1"/>
    <col min="4" max="4" width="33.6640625" style="3" customWidth="1"/>
    <col min="5" max="5" width="15.88671875" style="4" customWidth="1"/>
    <col min="6" max="6" width="7.44140625" style="4" hidden="1" customWidth="1"/>
    <col min="7" max="7" width="4.44140625" style="4" hidden="1" customWidth="1"/>
    <col min="8" max="9" width="9.33203125" style="4" hidden="1" customWidth="1"/>
    <col min="10" max="10" width="10.6640625" style="4" hidden="1" customWidth="1"/>
    <col min="11" max="11" width="10.44140625" style="78" hidden="1" customWidth="1"/>
    <col min="12" max="12" width="5.44140625" style="4" hidden="1" customWidth="1"/>
    <col min="13" max="13" width="12.109375" style="5" hidden="1" customWidth="1"/>
    <col min="14" max="14" width="10.88671875" style="4" hidden="1" customWidth="1"/>
    <col min="15" max="15" width="10" style="3" customWidth="1"/>
    <col min="16" max="16" width="10" style="3" hidden="1" customWidth="1"/>
    <col min="17" max="17" width="9.88671875" style="3" customWidth="1"/>
    <col min="18" max="18" width="9.21875" style="4" customWidth="1"/>
    <col min="19" max="19" width="6.88671875" style="3" customWidth="1" outlineLevel="1"/>
    <col min="20" max="20" width="6.88671875" style="4" customWidth="1"/>
    <col min="21" max="21" width="6.88671875" style="3" customWidth="1" outlineLevel="1"/>
    <col min="22" max="22" width="6.88671875" style="4" customWidth="1"/>
    <col min="23" max="23" width="6.88671875" style="3" customWidth="1" outlineLevel="1"/>
    <col min="24" max="24" width="6.88671875" style="4" customWidth="1"/>
    <col min="25" max="25" width="6.88671875" style="3" customWidth="1" outlineLevel="1"/>
    <col min="26" max="26" width="6.88671875" style="4" customWidth="1"/>
    <col min="27" max="27" width="6.88671875" style="3" customWidth="1" outlineLevel="1"/>
    <col min="28" max="28" width="6.88671875" style="4" customWidth="1"/>
    <col min="29" max="29" width="6.88671875" style="3" customWidth="1" outlineLevel="1"/>
    <col min="30" max="30" width="6.88671875" style="4" customWidth="1"/>
    <col min="31" max="31" width="6.88671875" style="3" customWidth="1" outlineLevel="1"/>
    <col min="32" max="32" width="6.88671875" style="4" customWidth="1"/>
    <col min="33" max="33" width="6.88671875" style="3" customWidth="1" outlineLevel="1"/>
    <col min="34" max="34" width="6.88671875" style="4" customWidth="1"/>
    <col min="35" max="35" width="6.88671875" style="3" customWidth="1" outlineLevel="1"/>
    <col min="36" max="36" width="6.88671875" style="4" customWidth="1"/>
    <col min="37" max="37" width="6.88671875" style="3" customWidth="1" outlineLevel="1"/>
    <col min="38" max="38" width="6.88671875" style="4" customWidth="1"/>
    <col min="39" max="39" width="6.88671875" style="3" customWidth="1" outlineLevel="1"/>
    <col min="40" max="40" width="6.88671875" style="4" customWidth="1"/>
    <col min="41" max="42" width="6.88671875" style="3" customWidth="1" outlineLevel="1"/>
    <col min="43" max="43" width="2.77734375" style="6" customWidth="1"/>
    <col min="44" max="211" width="8.6640625" style="6" customWidth="1"/>
    <col min="212" max="16384" width="8.6640625" style="6"/>
  </cols>
  <sheetData>
    <row r="1" spans="1:42" ht="18" customHeight="1">
      <c r="B1" s="88" t="s">
        <v>99</v>
      </c>
      <c r="C1" s="2"/>
      <c r="H1" s="3"/>
      <c r="J1" s="3"/>
      <c r="AO1" s="193"/>
      <c r="AP1" s="193"/>
    </row>
    <row r="2" spans="1:42" ht="14.25" customHeight="1">
      <c r="B2" s="3"/>
      <c r="J2" s="3"/>
    </row>
    <row r="3" spans="1:42" ht="30" customHeight="1" thickBot="1">
      <c r="B3" s="7" t="s">
        <v>0</v>
      </c>
      <c r="C3" s="8"/>
      <c r="E3" s="87"/>
      <c r="F3" s="87"/>
      <c r="G3" s="87"/>
      <c r="I3" s="11"/>
      <c r="J3" s="11"/>
      <c r="K3" s="79"/>
      <c r="L3" s="84"/>
      <c r="M3" s="85"/>
      <c r="N3" s="84"/>
      <c r="O3" s="9"/>
      <c r="P3" s="79"/>
      <c r="Q3" s="10"/>
      <c r="R3" s="10"/>
      <c r="S3" s="11"/>
      <c r="T3" s="11"/>
      <c r="U3" s="11"/>
      <c r="V3" s="11"/>
      <c r="W3" s="11"/>
      <c r="X3" s="11"/>
      <c r="Y3" s="11"/>
      <c r="Z3" s="11"/>
      <c r="AA3" s="11"/>
      <c r="AB3" s="11"/>
      <c r="AC3" s="11"/>
      <c r="AD3" s="11"/>
      <c r="AE3" s="11"/>
      <c r="AF3" s="11"/>
      <c r="AG3" s="11"/>
      <c r="AH3" s="11"/>
      <c r="AI3" s="11"/>
      <c r="AJ3" s="11"/>
      <c r="AK3" s="11"/>
      <c r="AL3" s="194"/>
      <c r="AM3" s="194"/>
      <c r="AN3" s="194"/>
      <c r="AO3" s="11"/>
      <c r="AP3" s="11" t="s">
        <v>1</v>
      </c>
    </row>
    <row r="4" spans="1:42" ht="18.75" customHeight="1" thickBot="1">
      <c r="B4" s="191"/>
      <c r="C4" s="209" t="s">
        <v>15</v>
      </c>
      <c r="D4" s="195" t="s">
        <v>2</v>
      </c>
      <c r="E4" s="197" t="s">
        <v>3</v>
      </c>
      <c r="F4" s="197" t="s">
        <v>4</v>
      </c>
      <c r="G4" s="197" t="s">
        <v>5</v>
      </c>
      <c r="H4" s="197" t="s">
        <v>6</v>
      </c>
      <c r="I4" s="197" t="s">
        <v>7</v>
      </c>
      <c r="J4" s="200" t="s">
        <v>8</v>
      </c>
      <c r="K4" s="101" t="s">
        <v>100</v>
      </c>
      <c r="L4" s="202" t="s">
        <v>9</v>
      </c>
      <c r="M4" s="211" t="s">
        <v>10</v>
      </c>
      <c r="N4" s="200" t="s">
        <v>11</v>
      </c>
      <c r="O4" s="213" t="s">
        <v>12</v>
      </c>
      <c r="P4" s="213" t="s">
        <v>13</v>
      </c>
      <c r="Q4" s="204" t="s">
        <v>109</v>
      </c>
      <c r="R4" s="205"/>
      <c r="S4" s="206" t="s">
        <v>14</v>
      </c>
      <c r="T4" s="207"/>
      <c r="U4" s="207"/>
      <c r="V4" s="207"/>
      <c r="W4" s="207"/>
      <c r="X4" s="207"/>
      <c r="Y4" s="207"/>
      <c r="Z4" s="207"/>
      <c r="AA4" s="207"/>
      <c r="AB4" s="207"/>
      <c r="AC4" s="207"/>
      <c r="AD4" s="207"/>
      <c r="AE4" s="207"/>
      <c r="AF4" s="207"/>
      <c r="AG4" s="207"/>
      <c r="AH4" s="207"/>
      <c r="AI4" s="207"/>
      <c r="AJ4" s="207"/>
      <c r="AK4" s="207"/>
      <c r="AL4" s="207"/>
      <c r="AM4" s="207"/>
      <c r="AN4" s="207"/>
      <c r="AO4" s="207"/>
      <c r="AP4" s="208"/>
    </row>
    <row r="5" spans="1:42" ht="11.4" thickBot="1">
      <c r="B5" s="191"/>
      <c r="C5" s="210"/>
      <c r="D5" s="196"/>
      <c r="E5" s="198"/>
      <c r="F5" s="199"/>
      <c r="G5" s="199"/>
      <c r="H5" s="199"/>
      <c r="I5" s="199"/>
      <c r="J5" s="201"/>
      <c r="K5" s="102" t="s">
        <v>16</v>
      </c>
      <c r="L5" s="203"/>
      <c r="M5" s="212"/>
      <c r="N5" s="201"/>
      <c r="O5" s="214"/>
      <c r="P5" s="214"/>
      <c r="Q5" s="12" t="s">
        <v>17</v>
      </c>
      <c r="R5" s="13" t="s">
        <v>18</v>
      </c>
      <c r="S5" s="113" t="s">
        <v>19</v>
      </c>
      <c r="T5" s="148" t="s">
        <v>20</v>
      </c>
      <c r="U5" s="148" t="s">
        <v>21</v>
      </c>
      <c r="V5" s="148" t="s">
        <v>22</v>
      </c>
      <c r="W5" s="148" t="s">
        <v>23</v>
      </c>
      <c r="X5" s="148" t="s">
        <v>24</v>
      </c>
      <c r="Y5" s="148" t="s">
        <v>25</v>
      </c>
      <c r="Z5" s="148" t="s">
        <v>26</v>
      </c>
      <c r="AA5" s="14" t="s">
        <v>27</v>
      </c>
      <c r="AB5" s="113" t="s">
        <v>28</v>
      </c>
      <c r="AC5" s="148" t="s">
        <v>29</v>
      </c>
      <c r="AD5" s="148" t="s">
        <v>30</v>
      </c>
      <c r="AE5" s="148" t="s">
        <v>31</v>
      </c>
      <c r="AF5" s="148" t="s">
        <v>32</v>
      </c>
      <c r="AG5" s="148" t="s">
        <v>33</v>
      </c>
      <c r="AH5" s="148" t="s">
        <v>34</v>
      </c>
      <c r="AI5" s="148" t="s">
        <v>35</v>
      </c>
      <c r="AJ5" s="148" t="s">
        <v>36</v>
      </c>
      <c r="AK5" s="148" t="s">
        <v>37</v>
      </c>
      <c r="AL5" s="148" t="s">
        <v>38</v>
      </c>
      <c r="AM5" s="148" t="s">
        <v>39</v>
      </c>
      <c r="AN5" s="148" t="s">
        <v>40</v>
      </c>
      <c r="AO5" s="148" t="s">
        <v>41</v>
      </c>
      <c r="AP5" s="15" t="s">
        <v>42</v>
      </c>
    </row>
    <row r="6" spans="1:42" ht="36" customHeight="1">
      <c r="B6" s="192"/>
      <c r="C6" s="182">
        <v>5</v>
      </c>
      <c r="D6" s="112" t="s">
        <v>110</v>
      </c>
      <c r="E6" s="77" t="s">
        <v>47</v>
      </c>
      <c r="F6" s="58" t="s">
        <v>43</v>
      </c>
      <c r="G6" s="58" t="s">
        <v>44</v>
      </c>
      <c r="H6" s="58" t="s">
        <v>101</v>
      </c>
      <c r="I6" s="58" t="s">
        <v>91</v>
      </c>
      <c r="J6" s="59" t="s">
        <v>45</v>
      </c>
      <c r="K6" s="136">
        <v>6861</v>
      </c>
      <c r="L6" s="60">
        <v>1</v>
      </c>
      <c r="M6" s="83">
        <v>0</v>
      </c>
      <c r="N6" s="80">
        <v>0</v>
      </c>
      <c r="O6" s="81">
        <v>6861</v>
      </c>
      <c r="P6" s="82">
        <v>6861</v>
      </c>
      <c r="Q6" s="69">
        <f t="shared" ref="Q6:Q53" si="0">O6-R6</f>
        <v>6861</v>
      </c>
      <c r="R6" s="103">
        <f t="shared" ref="R6:R11" si="1">SUM(S6:AP6)</f>
        <v>0</v>
      </c>
      <c r="S6" s="54"/>
      <c r="T6" s="86"/>
      <c r="U6" s="86"/>
      <c r="V6" s="86"/>
      <c r="W6" s="86"/>
      <c r="X6" s="86"/>
      <c r="Y6" s="86"/>
      <c r="Z6" s="86"/>
      <c r="AA6" s="86"/>
      <c r="AB6" s="54"/>
      <c r="AC6" s="86"/>
      <c r="AD6" s="86"/>
      <c r="AE6" s="86"/>
      <c r="AF6" s="86"/>
      <c r="AG6" s="86"/>
      <c r="AH6" s="86"/>
      <c r="AI6" s="86"/>
      <c r="AJ6" s="86"/>
      <c r="AK6" s="86"/>
      <c r="AL6" s="86"/>
      <c r="AM6" s="86"/>
      <c r="AN6" s="86"/>
      <c r="AO6" s="86"/>
      <c r="AP6" s="55"/>
    </row>
    <row r="7" spans="1:42" ht="36" customHeight="1">
      <c r="B7" s="192"/>
      <c r="C7" s="183">
        <v>6</v>
      </c>
      <c r="D7" s="28" t="s">
        <v>48</v>
      </c>
      <c r="E7" s="117" t="s">
        <v>46</v>
      </c>
      <c r="F7" s="22" t="s">
        <v>43</v>
      </c>
      <c r="G7" s="29" t="s">
        <v>44</v>
      </c>
      <c r="H7" s="130" t="s">
        <v>101</v>
      </c>
      <c r="I7" s="29" t="s">
        <v>91</v>
      </c>
      <c r="J7" s="33" t="s">
        <v>49</v>
      </c>
      <c r="K7" s="133">
        <v>132</v>
      </c>
      <c r="L7" s="41">
        <v>1</v>
      </c>
      <c r="M7" s="50">
        <v>0</v>
      </c>
      <c r="N7" s="25">
        <v>0</v>
      </c>
      <c r="O7" s="17">
        <v>132</v>
      </c>
      <c r="P7" s="18">
        <v>132</v>
      </c>
      <c r="Q7" s="26">
        <f t="shared" si="0"/>
        <v>132</v>
      </c>
      <c r="R7" s="20">
        <f t="shared" si="1"/>
        <v>0</v>
      </c>
      <c r="S7" s="51"/>
      <c r="T7" s="21"/>
      <c r="U7" s="21"/>
      <c r="V7" s="21"/>
      <c r="W7" s="21"/>
      <c r="X7" s="21"/>
      <c r="Y7" s="21"/>
      <c r="Z7" s="21"/>
      <c r="AA7" s="21"/>
      <c r="AB7" s="19"/>
      <c r="AC7" s="21"/>
      <c r="AD7" s="21"/>
      <c r="AE7" s="21"/>
      <c r="AF7" s="21"/>
      <c r="AG7" s="21"/>
      <c r="AH7" s="21"/>
      <c r="AI7" s="21"/>
      <c r="AJ7" s="21"/>
      <c r="AK7" s="21"/>
      <c r="AL7" s="21"/>
      <c r="AM7" s="21"/>
      <c r="AN7" s="21"/>
      <c r="AO7" s="21"/>
      <c r="AP7" s="20"/>
    </row>
    <row r="8" spans="1:42" ht="36" customHeight="1">
      <c r="B8" s="192"/>
      <c r="C8" s="183">
        <v>8</v>
      </c>
      <c r="D8" s="115" t="s">
        <v>111</v>
      </c>
      <c r="E8" s="39" t="s">
        <v>46</v>
      </c>
      <c r="F8" s="122"/>
      <c r="G8" s="122" t="s">
        <v>45</v>
      </c>
      <c r="H8" s="122" t="s">
        <v>45</v>
      </c>
      <c r="I8" s="122" t="s">
        <v>45</v>
      </c>
      <c r="J8" s="33" t="s">
        <v>45</v>
      </c>
      <c r="K8" s="135">
        <v>2296032</v>
      </c>
      <c r="L8" s="155" t="s">
        <v>45</v>
      </c>
      <c r="M8" s="39" t="s">
        <v>45</v>
      </c>
      <c r="N8" s="40" t="s">
        <v>45</v>
      </c>
      <c r="O8" s="43">
        <f>SUM(O9:O10)</f>
        <v>2296032</v>
      </c>
      <c r="P8" s="71">
        <v>2296032</v>
      </c>
      <c r="Q8" s="72">
        <f>O8-R8</f>
        <v>2296032</v>
      </c>
      <c r="R8" s="131">
        <f>SUM(S8:AP8)</f>
        <v>0</v>
      </c>
      <c r="S8" s="61">
        <f>SUM(S9:S10)</f>
        <v>0</v>
      </c>
      <c r="T8" s="48">
        <f t="shared" ref="T8:AP8" si="2">SUM(T9:T10)</f>
        <v>0</v>
      </c>
      <c r="U8" s="48">
        <f t="shared" si="2"/>
        <v>0</v>
      </c>
      <c r="V8" s="48">
        <f t="shared" si="2"/>
        <v>0</v>
      </c>
      <c r="W8" s="48">
        <f t="shared" si="2"/>
        <v>0</v>
      </c>
      <c r="X8" s="48">
        <f t="shared" si="2"/>
        <v>0</v>
      </c>
      <c r="Y8" s="48">
        <f t="shared" si="2"/>
        <v>0</v>
      </c>
      <c r="Z8" s="48">
        <f t="shared" si="2"/>
        <v>0</v>
      </c>
      <c r="AA8" s="48">
        <f t="shared" si="2"/>
        <v>0</v>
      </c>
      <c r="AB8" s="48">
        <f t="shared" si="2"/>
        <v>0</v>
      </c>
      <c r="AC8" s="48">
        <f t="shared" si="2"/>
        <v>0</v>
      </c>
      <c r="AD8" s="48">
        <f t="shared" si="2"/>
        <v>0</v>
      </c>
      <c r="AE8" s="48">
        <f t="shared" si="2"/>
        <v>0</v>
      </c>
      <c r="AF8" s="48">
        <f t="shared" si="2"/>
        <v>0</v>
      </c>
      <c r="AG8" s="48">
        <f t="shared" si="2"/>
        <v>0</v>
      </c>
      <c r="AH8" s="48">
        <f t="shared" si="2"/>
        <v>0</v>
      </c>
      <c r="AI8" s="48">
        <f t="shared" si="2"/>
        <v>0</v>
      </c>
      <c r="AJ8" s="48">
        <f t="shared" si="2"/>
        <v>0</v>
      </c>
      <c r="AK8" s="48">
        <f t="shared" si="2"/>
        <v>0</v>
      </c>
      <c r="AL8" s="48">
        <f t="shared" si="2"/>
        <v>0</v>
      </c>
      <c r="AM8" s="48">
        <f t="shared" si="2"/>
        <v>0</v>
      </c>
      <c r="AN8" s="48">
        <f t="shared" si="2"/>
        <v>0</v>
      </c>
      <c r="AO8" s="48">
        <f t="shared" si="2"/>
        <v>0</v>
      </c>
      <c r="AP8" s="47">
        <f t="shared" si="2"/>
        <v>0</v>
      </c>
    </row>
    <row r="9" spans="1:42" ht="36" customHeight="1">
      <c r="B9" s="192"/>
      <c r="C9" s="184"/>
      <c r="D9" s="128" t="s">
        <v>102</v>
      </c>
      <c r="E9" s="117" t="s">
        <v>46</v>
      </c>
      <c r="F9" s="149" t="s">
        <v>43</v>
      </c>
      <c r="G9" s="149" t="s">
        <v>44</v>
      </c>
      <c r="H9" s="150" t="s">
        <v>101</v>
      </c>
      <c r="I9" s="149" t="s">
        <v>91</v>
      </c>
      <c r="J9" s="44" t="s">
        <v>45</v>
      </c>
      <c r="K9" s="121">
        <v>967147</v>
      </c>
      <c r="L9" s="76">
        <v>1</v>
      </c>
      <c r="M9" s="45">
        <v>0</v>
      </c>
      <c r="N9" s="46">
        <v>0</v>
      </c>
      <c r="O9" s="98">
        <v>967147</v>
      </c>
      <c r="P9" s="99">
        <v>967147</v>
      </c>
      <c r="Q9" s="57">
        <f t="shared" si="0"/>
        <v>967147</v>
      </c>
      <c r="R9" s="68">
        <f t="shared" si="1"/>
        <v>0</v>
      </c>
      <c r="S9" s="159"/>
      <c r="T9" s="159"/>
      <c r="U9" s="159"/>
      <c r="V9" s="159"/>
      <c r="W9" s="159"/>
      <c r="X9" s="159"/>
      <c r="Y9" s="159"/>
      <c r="Z9" s="159"/>
      <c r="AA9" s="159"/>
      <c r="AB9" s="159"/>
      <c r="AC9" s="159"/>
      <c r="AD9" s="159"/>
      <c r="AE9" s="159"/>
      <c r="AF9" s="159"/>
      <c r="AG9" s="159"/>
      <c r="AH9" s="159"/>
      <c r="AI9" s="159"/>
      <c r="AJ9" s="159"/>
      <c r="AK9" s="159"/>
      <c r="AL9" s="159"/>
      <c r="AM9" s="159"/>
      <c r="AN9" s="159"/>
      <c r="AO9" s="159"/>
      <c r="AP9" s="160"/>
    </row>
    <row r="10" spans="1:42" ht="36" customHeight="1">
      <c r="B10" s="192"/>
      <c r="C10" s="182"/>
      <c r="D10" s="114" t="s">
        <v>103</v>
      </c>
      <c r="E10" s="77" t="s">
        <v>46</v>
      </c>
      <c r="F10" s="58" t="s">
        <v>43</v>
      </c>
      <c r="G10" s="58" t="s">
        <v>44</v>
      </c>
      <c r="H10" s="58" t="s">
        <v>101</v>
      </c>
      <c r="I10" s="58" t="s">
        <v>91</v>
      </c>
      <c r="J10" s="59" t="s">
        <v>45</v>
      </c>
      <c r="K10" s="161">
        <v>1328885</v>
      </c>
      <c r="L10" s="60">
        <v>1</v>
      </c>
      <c r="M10" s="83">
        <v>0</v>
      </c>
      <c r="N10" s="80">
        <v>0</v>
      </c>
      <c r="O10" s="81">
        <v>1328885</v>
      </c>
      <c r="P10" s="82">
        <v>1328885</v>
      </c>
      <c r="Q10" s="54">
        <f t="shared" si="0"/>
        <v>1328885</v>
      </c>
      <c r="R10" s="55">
        <f t="shared" si="1"/>
        <v>0</v>
      </c>
      <c r="S10" s="54"/>
      <c r="T10" s="86"/>
      <c r="U10" s="86"/>
      <c r="V10" s="86"/>
      <c r="W10" s="86"/>
      <c r="X10" s="86"/>
      <c r="Y10" s="86"/>
      <c r="Z10" s="86"/>
      <c r="AA10" s="86"/>
      <c r="AB10" s="86"/>
      <c r="AC10" s="86"/>
      <c r="AD10" s="86"/>
      <c r="AE10" s="86"/>
      <c r="AF10" s="86"/>
      <c r="AG10" s="86"/>
      <c r="AH10" s="86"/>
      <c r="AI10" s="86"/>
      <c r="AJ10" s="86"/>
      <c r="AK10" s="86"/>
      <c r="AL10" s="86"/>
      <c r="AM10" s="86"/>
      <c r="AN10" s="86"/>
      <c r="AO10" s="86"/>
      <c r="AP10" s="55"/>
    </row>
    <row r="11" spans="1:42" ht="36" customHeight="1">
      <c r="B11" s="192"/>
      <c r="C11" s="183">
        <v>9</v>
      </c>
      <c r="D11" s="28" t="s">
        <v>50</v>
      </c>
      <c r="E11" s="117" t="s">
        <v>47</v>
      </c>
      <c r="F11" s="110" t="s">
        <v>43</v>
      </c>
      <c r="G11" s="105" t="s">
        <v>44</v>
      </c>
      <c r="H11" s="130" t="s">
        <v>101</v>
      </c>
      <c r="I11" s="105" t="s">
        <v>91</v>
      </c>
      <c r="J11" s="44" t="s">
        <v>45</v>
      </c>
      <c r="K11" s="134">
        <v>35781</v>
      </c>
      <c r="L11" s="23">
        <v>1</v>
      </c>
      <c r="M11" s="97">
        <v>0</v>
      </c>
      <c r="N11" s="46">
        <v>0</v>
      </c>
      <c r="O11" s="98">
        <v>35781</v>
      </c>
      <c r="P11" s="99">
        <v>35781</v>
      </c>
      <c r="Q11" s="56">
        <f t="shared" si="0"/>
        <v>35781</v>
      </c>
      <c r="R11" s="65">
        <f t="shared" si="1"/>
        <v>0</v>
      </c>
      <c r="S11" s="57"/>
      <c r="T11" s="57"/>
      <c r="U11" s="57"/>
      <c r="V11" s="57"/>
      <c r="W11" s="57"/>
      <c r="X11" s="57"/>
      <c r="Y11" s="57"/>
      <c r="Z11" s="49"/>
      <c r="AA11" s="57"/>
      <c r="AB11" s="57"/>
      <c r="AC11" s="57"/>
      <c r="AD11" s="57"/>
      <c r="AE11" s="57"/>
      <c r="AF11" s="57"/>
      <c r="AG11" s="57"/>
      <c r="AH11" s="57"/>
      <c r="AI11" s="57"/>
      <c r="AJ11" s="57"/>
      <c r="AK11" s="57"/>
      <c r="AL11" s="57"/>
      <c r="AM11" s="57"/>
      <c r="AN11" s="57"/>
      <c r="AO11" s="57"/>
      <c r="AP11" s="68"/>
    </row>
    <row r="12" spans="1:42" s="31" customFormat="1" ht="36" customHeight="1">
      <c r="A12" s="27"/>
      <c r="B12" s="192"/>
      <c r="C12" s="184">
        <v>22</v>
      </c>
      <c r="D12" s="158" t="s">
        <v>87</v>
      </c>
      <c r="E12" s="117" t="s">
        <v>51</v>
      </c>
      <c r="F12" s="117" t="s">
        <v>43</v>
      </c>
      <c r="G12" s="149" t="s">
        <v>44</v>
      </c>
      <c r="H12" s="149" t="s">
        <v>101</v>
      </c>
      <c r="I12" s="117" t="s">
        <v>91</v>
      </c>
      <c r="J12" s="151" t="s">
        <v>49</v>
      </c>
      <c r="K12" s="134">
        <v>13867</v>
      </c>
      <c r="L12" s="76">
        <v>1</v>
      </c>
      <c r="M12" s="106">
        <v>0</v>
      </c>
      <c r="N12" s="107">
        <v>0</v>
      </c>
      <c r="O12" s="108">
        <v>13867</v>
      </c>
      <c r="P12" s="109">
        <v>13867</v>
      </c>
      <c r="Q12" s="152">
        <f t="shared" si="0"/>
        <v>13867</v>
      </c>
      <c r="R12" s="153">
        <f t="shared" ref="R12" si="3">SUM(S12:AP12)</f>
        <v>0</v>
      </c>
      <c r="S12" s="63"/>
      <c r="T12" s="63"/>
      <c r="U12" s="64"/>
      <c r="V12" s="64"/>
      <c r="W12" s="64"/>
      <c r="X12" s="64"/>
      <c r="Y12" s="64"/>
      <c r="Z12" s="64"/>
      <c r="AA12" s="64"/>
      <c r="AB12" s="64"/>
      <c r="AC12" s="64"/>
      <c r="AD12" s="64"/>
      <c r="AE12" s="64"/>
      <c r="AF12" s="64"/>
      <c r="AG12" s="64"/>
      <c r="AH12" s="64"/>
      <c r="AI12" s="64"/>
      <c r="AJ12" s="64"/>
      <c r="AK12" s="64"/>
      <c r="AL12" s="64"/>
      <c r="AM12" s="64"/>
      <c r="AN12" s="64"/>
      <c r="AO12" s="64"/>
      <c r="AP12" s="65"/>
    </row>
    <row r="13" spans="1:42" s="67" customFormat="1" ht="36" customHeight="1">
      <c r="A13" s="66"/>
      <c r="B13" s="192"/>
      <c r="C13" s="183">
        <v>24</v>
      </c>
      <c r="D13" s="53" t="s">
        <v>52</v>
      </c>
      <c r="E13" s="122" t="s">
        <v>94</v>
      </c>
      <c r="F13" s="122" t="s">
        <v>43</v>
      </c>
      <c r="G13" s="122" t="s">
        <v>44</v>
      </c>
      <c r="H13" s="122" t="s">
        <v>101</v>
      </c>
      <c r="I13" s="122" t="s">
        <v>91</v>
      </c>
      <c r="J13" s="33" t="s">
        <v>49</v>
      </c>
      <c r="K13" s="135">
        <v>1100</v>
      </c>
      <c r="L13" s="16">
        <v>1</v>
      </c>
      <c r="M13" s="24">
        <v>0</v>
      </c>
      <c r="N13" s="25">
        <v>0</v>
      </c>
      <c r="O13" s="34">
        <v>1100</v>
      </c>
      <c r="P13" s="35">
        <v>1100</v>
      </c>
      <c r="Q13" s="48">
        <f t="shared" si="0"/>
        <v>1100</v>
      </c>
      <c r="R13" s="37">
        <f t="shared" ref="R13:R22" si="4">SUM(S13:AP13)</f>
        <v>0</v>
      </c>
      <c r="S13" s="48"/>
      <c r="T13" s="48"/>
      <c r="U13" s="49"/>
      <c r="V13" s="49"/>
      <c r="W13" s="49"/>
      <c r="X13" s="49"/>
      <c r="Y13" s="49"/>
      <c r="Z13" s="49"/>
      <c r="AA13" s="49"/>
      <c r="AB13" s="49"/>
      <c r="AC13" s="49"/>
      <c r="AD13" s="49"/>
      <c r="AE13" s="49"/>
      <c r="AF13" s="49"/>
      <c r="AG13" s="49"/>
      <c r="AH13" s="49"/>
      <c r="AI13" s="49"/>
      <c r="AJ13" s="49"/>
      <c r="AK13" s="49"/>
      <c r="AL13" s="49"/>
      <c r="AM13" s="49"/>
      <c r="AN13" s="49"/>
      <c r="AO13" s="49"/>
      <c r="AP13" s="37"/>
    </row>
    <row r="14" spans="1:42" s="67" customFormat="1" ht="36" customHeight="1">
      <c r="A14" s="66"/>
      <c r="B14" s="192"/>
      <c r="C14" s="183">
        <v>25</v>
      </c>
      <c r="D14" s="53" t="s">
        <v>53</v>
      </c>
      <c r="E14" s="122" t="s">
        <v>94</v>
      </c>
      <c r="F14" s="122" t="s">
        <v>43</v>
      </c>
      <c r="G14" s="122" t="s">
        <v>44</v>
      </c>
      <c r="H14" s="122" t="s">
        <v>101</v>
      </c>
      <c r="I14" s="122" t="s">
        <v>91</v>
      </c>
      <c r="J14" s="33" t="s">
        <v>49</v>
      </c>
      <c r="K14" s="135">
        <v>4590</v>
      </c>
      <c r="L14" s="16">
        <v>1</v>
      </c>
      <c r="M14" s="30">
        <v>0</v>
      </c>
      <c r="N14" s="42">
        <v>0</v>
      </c>
      <c r="O14" s="163">
        <v>4590</v>
      </c>
      <c r="P14" s="71">
        <v>4590</v>
      </c>
      <c r="Q14" s="48">
        <f t="shared" si="0"/>
        <v>4590</v>
      </c>
      <c r="R14" s="47">
        <f t="shared" si="4"/>
        <v>0</v>
      </c>
      <c r="S14" s="48"/>
      <c r="T14" s="48"/>
      <c r="U14" s="49"/>
      <c r="V14" s="49"/>
      <c r="W14" s="49"/>
      <c r="X14" s="49"/>
      <c r="Y14" s="49"/>
      <c r="Z14" s="49"/>
      <c r="AA14" s="49"/>
      <c r="AB14" s="49"/>
      <c r="AC14" s="49"/>
      <c r="AD14" s="49"/>
      <c r="AE14" s="49"/>
      <c r="AF14" s="49"/>
      <c r="AG14" s="49"/>
      <c r="AH14" s="49"/>
      <c r="AI14" s="49"/>
      <c r="AJ14" s="49"/>
      <c r="AK14" s="49"/>
      <c r="AL14" s="49"/>
      <c r="AM14" s="49"/>
      <c r="AN14" s="49"/>
      <c r="AO14" s="49"/>
      <c r="AP14" s="37"/>
    </row>
    <row r="15" spans="1:42" s="31" customFormat="1" ht="36" customHeight="1">
      <c r="A15" s="27"/>
      <c r="B15" s="192"/>
      <c r="C15" s="183">
        <v>27</v>
      </c>
      <c r="D15" s="38" t="s">
        <v>55</v>
      </c>
      <c r="E15" s="39" t="s">
        <v>54</v>
      </c>
      <c r="F15" s="39" t="s">
        <v>43</v>
      </c>
      <c r="G15" s="122" t="s">
        <v>44</v>
      </c>
      <c r="H15" s="122" t="s">
        <v>101</v>
      </c>
      <c r="I15" s="122" t="s">
        <v>91</v>
      </c>
      <c r="J15" s="33" t="s">
        <v>45</v>
      </c>
      <c r="K15" s="135">
        <v>399371</v>
      </c>
      <c r="L15" s="41">
        <v>1</v>
      </c>
      <c r="M15" s="30">
        <v>0</v>
      </c>
      <c r="N15" s="40">
        <v>0</v>
      </c>
      <c r="O15" s="43">
        <v>399371</v>
      </c>
      <c r="P15" s="71">
        <v>399371</v>
      </c>
      <c r="Q15" s="52">
        <f t="shared" si="0"/>
        <v>399371</v>
      </c>
      <c r="R15" s="139">
        <f t="shared" si="4"/>
        <v>0</v>
      </c>
      <c r="S15" s="48"/>
      <c r="T15" s="48"/>
      <c r="U15" s="49"/>
      <c r="V15" s="49"/>
      <c r="W15" s="49"/>
      <c r="X15" s="49"/>
      <c r="Y15" s="49"/>
      <c r="Z15" s="49"/>
      <c r="AA15" s="49"/>
      <c r="AB15" s="49"/>
      <c r="AC15" s="49"/>
      <c r="AD15" s="49"/>
      <c r="AE15" s="49"/>
      <c r="AF15" s="49"/>
      <c r="AG15" s="49"/>
      <c r="AH15" s="49"/>
      <c r="AI15" s="49"/>
      <c r="AJ15" s="49"/>
      <c r="AK15" s="49"/>
      <c r="AL15" s="49"/>
      <c r="AM15" s="49"/>
      <c r="AN15" s="49"/>
      <c r="AO15" s="49"/>
      <c r="AP15" s="37"/>
    </row>
    <row r="16" spans="1:42" s="31" customFormat="1" ht="36" customHeight="1">
      <c r="A16" s="27"/>
      <c r="B16" s="192"/>
      <c r="C16" s="183">
        <v>28</v>
      </c>
      <c r="D16" s="38" t="s">
        <v>92</v>
      </c>
      <c r="E16" s="39" t="s">
        <v>54</v>
      </c>
      <c r="F16" s="39" t="s">
        <v>43</v>
      </c>
      <c r="G16" s="122" t="s">
        <v>44</v>
      </c>
      <c r="H16" s="122" t="s">
        <v>101</v>
      </c>
      <c r="I16" s="122" t="s">
        <v>91</v>
      </c>
      <c r="J16" s="33" t="s">
        <v>45</v>
      </c>
      <c r="K16" s="135">
        <v>297</v>
      </c>
      <c r="L16" s="41">
        <v>1</v>
      </c>
      <c r="M16" s="30">
        <v>0</v>
      </c>
      <c r="N16" s="42">
        <v>0</v>
      </c>
      <c r="O16" s="43">
        <v>297</v>
      </c>
      <c r="P16" s="71">
        <v>297</v>
      </c>
      <c r="Q16" s="52">
        <f t="shared" si="0"/>
        <v>297</v>
      </c>
      <c r="R16" s="140">
        <f t="shared" si="4"/>
        <v>0</v>
      </c>
      <c r="S16" s="48"/>
      <c r="T16" s="48"/>
      <c r="U16" s="49"/>
      <c r="V16" s="49"/>
      <c r="W16" s="49"/>
      <c r="X16" s="49"/>
      <c r="Y16" s="49"/>
      <c r="Z16" s="49"/>
      <c r="AA16" s="49"/>
      <c r="AB16" s="49"/>
      <c r="AC16" s="49"/>
      <c r="AD16" s="49"/>
      <c r="AE16" s="49"/>
      <c r="AF16" s="49"/>
      <c r="AG16" s="49"/>
      <c r="AH16" s="49"/>
      <c r="AI16" s="49"/>
      <c r="AJ16" s="49"/>
      <c r="AK16" s="49"/>
      <c r="AL16" s="49"/>
      <c r="AM16" s="49"/>
      <c r="AN16" s="49"/>
      <c r="AO16" s="49"/>
      <c r="AP16" s="37"/>
    </row>
    <row r="17" spans="1:42" s="31" customFormat="1" ht="36" customHeight="1">
      <c r="A17" s="27"/>
      <c r="B17" s="192"/>
      <c r="C17" s="185">
        <v>29</v>
      </c>
      <c r="D17" s="111" t="s">
        <v>90</v>
      </c>
      <c r="E17" s="39" t="s">
        <v>54</v>
      </c>
      <c r="F17" s="39" t="s">
        <v>43</v>
      </c>
      <c r="G17" s="122" t="s">
        <v>44</v>
      </c>
      <c r="H17" s="122" t="s">
        <v>101</v>
      </c>
      <c r="I17" s="122" t="s">
        <v>91</v>
      </c>
      <c r="J17" s="33" t="s">
        <v>45</v>
      </c>
      <c r="K17" s="135">
        <v>3465</v>
      </c>
      <c r="L17" s="41">
        <v>1</v>
      </c>
      <c r="M17" s="30">
        <v>0</v>
      </c>
      <c r="N17" s="42">
        <v>0</v>
      </c>
      <c r="O17" s="43">
        <v>3465</v>
      </c>
      <c r="P17" s="71">
        <v>3465</v>
      </c>
      <c r="Q17" s="52">
        <f t="shared" si="0"/>
        <v>3465</v>
      </c>
      <c r="R17" s="140">
        <f t="shared" si="4"/>
        <v>0</v>
      </c>
      <c r="S17" s="48"/>
      <c r="T17" s="48"/>
      <c r="U17" s="49"/>
      <c r="V17" s="49"/>
      <c r="W17" s="49"/>
      <c r="X17" s="49"/>
      <c r="Y17" s="49"/>
      <c r="Z17" s="49"/>
      <c r="AA17" s="49"/>
      <c r="AB17" s="49"/>
      <c r="AC17" s="49"/>
      <c r="AD17" s="49"/>
      <c r="AE17" s="49"/>
      <c r="AF17" s="49"/>
      <c r="AG17" s="49"/>
      <c r="AH17" s="49"/>
      <c r="AI17" s="49"/>
      <c r="AJ17" s="49"/>
      <c r="AK17" s="49"/>
      <c r="AL17" s="49"/>
      <c r="AM17" s="49"/>
      <c r="AN17" s="49"/>
      <c r="AO17" s="49"/>
      <c r="AP17" s="37"/>
    </row>
    <row r="18" spans="1:42" ht="36" customHeight="1">
      <c r="B18" s="192"/>
      <c r="C18" s="183">
        <v>30</v>
      </c>
      <c r="D18" s="38" t="s">
        <v>56</v>
      </c>
      <c r="E18" s="39" t="s">
        <v>54</v>
      </c>
      <c r="F18" s="122" t="s">
        <v>43</v>
      </c>
      <c r="G18" s="122" t="s">
        <v>44</v>
      </c>
      <c r="H18" s="122" t="s">
        <v>101</v>
      </c>
      <c r="I18" s="122" t="s">
        <v>91</v>
      </c>
      <c r="J18" s="33" t="s">
        <v>45</v>
      </c>
      <c r="K18" s="135">
        <v>12413</v>
      </c>
      <c r="L18" s="41">
        <v>1</v>
      </c>
      <c r="M18" s="24">
        <v>0</v>
      </c>
      <c r="N18" s="25">
        <v>0</v>
      </c>
      <c r="O18" s="34">
        <v>12413</v>
      </c>
      <c r="P18" s="35">
        <v>12413</v>
      </c>
      <c r="Q18" s="36">
        <f t="shared" si="0"/>
        <v>12413</v>
      </c>
      <c r="R18" s="37">
        <f t="shared" si="4"/>
        <v>0</v>
      </c>
      <c r="S18" s="48"/>
      <c r="T18" s="48"/>
      <c r="U18" s="48"/>
      <c r="V18" s="48"/>
      <c r="W18" s="48"/>
      <c r="X18" s="48"/>
      <c r="Y18" s="48"/>
      <c r="Z18" s="48"/>
      <c r="AA18" s="48"/>
      <c r="AB18" s="48"/>
      <c r="AC18" s="48"/>
      <c r="AD18" s="48"/>
      <c r="AE18" s="48"/>
      <c r="AF18" s="48"/>
      <c r="AG18" s="48"/>
      <c r="AH18" s="48"/>
      <c r="AI18" s="48"/>
      <c r="AJ18" s="48"/>
      <c r="AK18" s="48"/>
      <c r="AL18" s="48"/>
      <c r="AM18" s="48"/>
      <c r="AN18" s="48"/>
      <c r="AO18" s="48"/>
      <c r="AP18" s="47"/>
    </row>
    <row r="19" spans="1:42" s="31" customFormat="1" ht="36" customHeight="1">
      <c r="A19" s="27"/>
      <c r="B19" s="192"/>
      <c r="C19" s="185">
        <v>32</v>
      </c>
      <c r="D19" s="111" t="s">
        <v>86</v>
      </c>
      <c r="E19" s="39" t="s">
        <v>54</v>
      </c>
      <c r="F19" s="39" t="s">
        <v>43</v>
      </c>
      <c r="G19" s="122" t="s">
        <v>44</v>
      </c>
      <c r="H19" s="122" t="s">
        <v>101</v>
      </c>
      <c r="I19" s="122" t="s">
        <v>91</v>
      </c>
      <c r="J19" s="33" t="s">
        <v>45</v>
      </c>
      <c r="K19" s="135">
        <v>8221</v>
      </c>
      <c r="L19" s="41">
        <v>1</v>
      </c>
      <c r="M19" s="30">
        <v>0</v>
      </c>
      <c r="N19" s="42">
        <v>0</v>
      </c>
      <c r="O19" s="43">
        <v>8221</v>
      </c>
      <c r="P19" s="71">
        <v>8221</v>
      </c>
      <c r="Q19" s="52">
        <f t="shared" si="0"/>
        <v>8221</v>
      </c>
      <c r="R19" s="140">
        <f t="shared" si="4"/>
        <v>0</v>
      </c>
      <c r="S19" s="48"/>
      <c r="T19" s="48"/>
      <c r="U19" s="49"/>
      <c r="V19" s="49"/>
      <c r="W19" s="49"/>
      <c r="X19" s="49"/>
      <c r="Y19" s="49"/>
      <c r="Z19" s="49"/>
      <c r="AA19" s="49"/>
      <c r="AB19" s="49"/>
      <c r="AC19" s="49"/>
      <c r="AD19" s="49"/>
      <c r="AE19" s="49"/>
      <c r="AF19" s="49"/>
      <c r="AG19" s="49"/>
      <c r="AH19" s="49"/>
      <c r="AI19" s="49"/>
      <c r="AJ19" s="49"/>
      <c r="AK19" s="49"/>
      <c r="AL19" s="49"/>
      <c r="AM19" s="49"/>
      <c r="AN19" s="49"/>
      <c r="AO19" s="49"/>
      <c r="AP19" s="37"/>
    </row>
    <row r="20" spans="1:42" ht="36" customHeight="1">
      <c r="B20" s="192"/>
      <c r="C20" s="183">
        <v>35</v>
      </c>
      <c r="D20" s="111" t="s">
        <v>112</v>
      </c>
      <c r="E20" s="39" t="s">
        <v>54</v>
      </c>
      <c r="F20" s="122" t="s">
        <v>43</v>
      </c>
      <c r="G20" s="122" t="s">
        <v>44</v>
      </c>
      <c r="H20" s="122" t="s">
        <v>101</v>
      </c>
      <c r="I20" s="122" t="s">
        <v>91</v>
      </c>
      <c r="J20" s="33" t="s">
        <v>45</v>
      </c>
      <c r="K20" s="135">
        <v>19188</v>
      </c>
      <c r="L20" s="16">
        <v>1</v>
      </c>
      <c r="M20" s="24">
        <v>0</v>
      </c>
      <c r="N20" s="164">
        <v>0</v>
      </c>
      <c r="O20" s="34">
        <v>19188</v>
      </c>
      <c r="P20" s="35">
        <v>19188</v>
      </c>
      <c r="Q20" s="62">
        <f t="shared" si="0"/>
        <v>19188</v>
      </c>
      <c r="R20" s="100">
        <f t="shared" si="4"/>
        <v>0</v>
      </c>
      <c r="S20" s="61"/>
      <c r="T20" s="49"/>
      <c r="U20" s="49"/>
      <c r="V20" s="49"/>
      <c r="W20" s="49"/>
      <c r="X20" s="49"/>
      <c r="Y20" s="49"/>
      <c r="Z20" s="49"/>
      <c r="AA20" s="49"/>
      <c r="AB20" s="49"/>
      <c r="AC20" s="49"/>
      <c r="AD20" s="49"/>
      <c r="AE20" s="49"/>
      <c r="AF20" s="49"/>
      <c r="AG20" s="49"/>
      <c r="AH20" s="49"/>
      <c r="AI20" s="49"/>
      <c r="AJ20" s="49"/>
      <c r="AK20" s="49"/>
      <c r="AL20" s="49"/>
      <c r="AM20" s="49"/>
      <c r="AN20" s="49"/>
      <c r="AO20" s="49"/>
      <c r="AP20" s="37"/>
    </row>
    <row r="21" spans="1:42" ht="36" customHeight="1">
      <c r="A21" s="27"/>
      <c r="B21" s="192"/>
      <c r="C21" s="186">
        <v>42</v>
      </c>
      <c r="D21" s="111" t="s">
        <v>104</v>
      </c>
      <c r="E21" s="39" t="s">
        <v>57</v>
      </c>
      <c r="F21" s="122" t="s">
        <v>43</v>
      </c>
      <c r="G21" s="122" t="s">
        <v>44</v>
      </c>
      <c r="H21" s="122" t="s">
        <v>101</v>
      </c>
      <c r="I21" s="122" t="s">
        <v>91</v>
      </c>
      <c r="J21" s="33" t="s">
        <v>45</v>
      </c>
      <c r="K21" s="135">
        <v>594494</v>
      </c>
      <c r="L21" s="70">
        <v>1</v>
      </c>
      <c r="M21" s="24">
        <v>0</v>
      </c>
      <c r="N21" s="25">
        <v>0</v>
      </c>
      <c r="O21" s="34">
        <v>594494</v>
      </c>
      <c r="P21" s="35">
        <v>594494</v>
      </c>
      <c r="Q21" s="48">
        <f t="shared" si="0"/>
        <v>594494</v>
      </c>
      <c r="R21" s="37">
        <f t="shared" si="4"/>
        <v>0</v>
      </c>
      <c r="S21" s="61"/>
      <c r="T21" s="49"/>
      <c r="U21" s="49"/>
      <c r="V21" s="49"/>
      <c r="W21" s="49"/>
      <c r="X21" s="49"/>
      <c r="Y21" s="49"/>
      <c r="Z21" s="49"/>
      <c r="AA21" s="49"/>
      <c r="AB21" s="49"/>
      <c r="AC21" s="49"/>
      <c r="AD21" s="49"/>
      <c r="AE21" s="49"/>
      <c r="AF21" s="49"/>
      <c r="AG21" s="49"/>
      <c r="AH21" s="49"/>
      <c r="AI21" s="49"/>
      <c r="AJ21" s="49"/>
      <c r="AK21" s="49"/>
      <c r="AL21" s="49"/>
      <c r="AM21" s="49"/>
      <c r="AN21" s="49"/>
      <c r="AO21" s="49"/>
      <c r="AP21" s="37"/>
    </row>
    <row r="22" spans="1:42" s="141" customFormat="1" ht="36" customHeight="1">
      <c r="A22" s="27"/>
      <c r="B22" s="192"/>
      <c r="C22" s="187">
        <v>43</v>
      </c>
      <c r="D22" s="146" t="s">
        <v>114</v>
      </c>
      <c r="E22" s="122" t="s">
        <v>57</v>
      </c>
      <c r="F22" s="144"/>
      <c r="G22" s="165" t="s">
        <v>44</v>
      </c>
      <c r="H22" s="122" t="s">
        <v>101</v>
      </c>
      <c r="I22" s="122" t="s">
        <v>91</v>
      </c>
      <c r="J22" s="33" t="s">
        <v>45</v>
      </c>
      <c r="K22" s="166">
        <v>-95048</v>
      </c>
      <c r="L22" s="16">
        <v>1</v>
      </c>
      <c r="M22" s="24">
        <v>0</v>
      </c>
      <c r="N22" s="25">
        <v>0</v>
      </c>
      <c r="O22" s="34">
        <v>-95048</v>
      </c>
      <c r="P22" s="35">
        <v>-95048</v>
      </c>
      <c r="Q22" s="36">
        <f t="shared" si="0"/>
        <v>-95048</v>
      </c>
      <c r="R22" s="37">
        <f t="shared" si="4"/>
        <v>0</v>
      </c>
      <c r="S22" s="145"/>
      <c r="T22" s="142"/>
      <c r="U22" s="142"/>
      <c r="V22" s="142"/>
      <c r="W22" s="142"/>
      <c r="X22" s="142"/>
      <c r="Y22" s="142"/>
      <c r="Z22" s="142"/>
      <c r="AA22" s="142"/>
      <c r="AB22" s="142"/>
      <c r="AC22" s="142"/>
      <c r="AD22" s="142"/>
      <c r="AE22" s="142"/>
      <c r="AF22" s="142"/>
      <c r="AG22" s="142"/>
      <c r="AH22" s="142"/>
      <c r="AI22" s="142"/>
      <c r="AJ22" s="142"/>
      <c r="AK22" s="142"/>
      <c r="AL22" s="142"/>
      <c r="AM22" s="142"/>
      <c r="AN22" s="142"/>
      <c r="AO22" s="142"/>
      <c r="AP22" s="143"/>
    </row>
    <row r="23" spans="1:42" s="31" customFormat="1" ht="36" customHeight="1">
      <c r="A23" s="27"/>
      <c r="B23" s="192"/>
      <c r="C23" s="186">
        <v>44</v>
      </c>
      <c r="D23" s="111" t="s">
        <v>105</v>
      </c>
      <c r="E23" s="39" t="s">
        <v>57</v>
      </c>
      <c r="F23" s="39" t="s">
        <v>43</v>
      </c>
      <c r="G23" s="122" t="s">
        <v>44</v>
      </c>
      <c r="H23" s="122" t="s">
        <v>101</v>
      </c>
      <c r="I23" s="39" t="s">
        <v>91</v>
      </c>
      <c r="J23" s="40" t="s">
        <v>49</v>
      </c>
      <c r="K23" s="135">
        <v>216834</v>
      </c>
      <c r="L23" s="70">
        <v>1</v>
      </c>
      <c r="M23" s="30">
        <v>0</v>
      </c>
      <c r="N23" s="42">
        <v>0</v>
      </c>
      <c r="O23" s="43">
        <v>216834</v>
      </c>
      <c r="P23" s="71">
        <v>216834</v>
      </c>
      <c r="Q23" s="52">
        <f t="shared" si="0"/>
        <v>216834</v>
      </c>
      <c r="R23" s="156">
        <f t="shared" ref="R23" si="5">SUM(S23:AP23)</f>
        <v>0</v>
      </c>
      <c r="S23" s="61"/>
      <c r="T23" s="49"/>
      <c r="U23" s="49"/>
      <c r="V23" s="49"/>
      <c r="W23" s="49"/>
      <c r="X23" s="49"/>
      <c r="Y23" s="49"/>
      <c r="Z23" s="49"/>
      <c r="AA23" s="49"/>
      <c r="AB23" s="49"/>
      <c r="AC23" s="49"/>
      <c r="AD23" s="49"/>
      <c r="AE23" s="49"/>
      <c r="AF23" s="49"/>
      <c r="AG23" s="49"/>
      <c r="AH23" s="49"/>
      <c r="AI23" s="49"/>
      <c r="AJ23" s="49"/>
      <c r="AK23" s="49"/>
      <c r="AL23" s="49"/>
      <c r="AM23" s="49"/>
      <c r="AN23" s="49"/>
      <c r="AO23" s="49"/>
      <c r="AP23" s="37"/>
    </row>
    <row r="24" spans="1:42" ht="36" customHeight="1">
      <c r="A24" s="27"/>
      <c r="B24" s="192"/>
      <c r="C24" s="187">
        <v>48</v>
      </c>
      <c r="D24" s="167" t="s">
        <v>115</v>
      </c>
      <c r="E24" s="122" t="s">
        <v>57</v>
      </c>
      <c r="F24" s="122"/>
      <c r="G24" s="168" t="s">
        <v>44</v>
      </c>
      <c r="H24" s="168" t="s">
        <v>101</v>
      </c>
      <c r="I24" s="39" t="s">
        <v>91</v>
      </c>
      <c r="J24" s="33" t="s">
        <v>45</v>
      </c>
      <c r="K24" s="137">
        <v>34474</v>
      </c>
      <c r="L24" s="41">
        <v>1</v>
      </c>
      <c r="M24" s="30">
        <v>0</v>
      </c>
      <c r="N24" s="42">
        <v>0</v>
      </c>
      <c r="O24" s="43">
        <v>34474</v>
      </c>
      <c r="P24" s="71">
        <v>34474</v>
      </c>
      <c r="Q24" s="72">
        <f t="shared" si="0"/>
        <v>34474</v>
      </c>
      <c r="R24" s="131">
        <f>SUM(S24:AP24)</f>
        <v>0</v>
      </c>
      <c r="S24" s="61"/>
      <c r="T24" s="49"/>
      <c r="U24" s="49"/>
      <c r="V24" s="49"/>
      <c r="W24" s="49"/>
      <c r="X24" s="49"/>
      <c r="Y24" s="49"/>
      <c r="Z24" s="49"/>
      <c r="AA24" s="49"/>
      <c r="AB24" s="49"/>
      <c r="AC24" s="49"/>
      <c r="AD24" s="49"/>
      <c r="AE24" s="49"/>
      <c r="AF24" s="49"/>
      <c r="AG24" s="49"/>
      <c r="AH24" s="49"/>
      <c r="AI24" s="49"/>
      <c r="AJ24" s="49"/>
      <c r="AK24" s="49"/>
      <c r="AL24" s="49"/>
      <c r="AM24" s="49"/>
      <c r="AN24" s="49"/>
      <c r="AO24" s="49"/>
      <c r="AP24" s="37"/>
    </row>
    <row r="25" spans="1:42" ht="36" customHeight="1">
      <c r="B25" s="192"/>
      <c r="C25" s="186">
        <v>49</v>
      </c>
      <c r="D25" s="126" t="s">
        <v>83</v>
      </c>
      <c r="E25" s="39" t="s">
        <v>57</v>
      </c>
      <c r="F25" s="122" t="s">
        <v>43</v>
      </c>
      <c r="G25" s="122" t="s">
        <v>49</v>
      </c>
      <c r="H25" s="122" t="s">
        <v>49</v>
      </c>
      <c r="I25" s="122" t="s">
        <v>49</v>
      </c>
      <c r="J25" s="33" t="s">
        <v>49</v>
      </c>
      <c r="K25" s="135">
        <v>256176</v>
      </c>
      <c r="L25" s="70" t="s">
        <v>45</v>
      </c>
      <c r="M25" s="122" t="s">
        <v>97</v>
      </c>
      <c r="N25" s="25" t="s">
        <v>45</v>
      </c>
      <c r="O25" s="181">
        <f>SUM(O26:O27)</f>
        <v>253562</v>
      </c>
      <c r="P25" s="71">
        <v>256176</v>
      </c>
      <c r="Q25" s="48">
        <f t="shared" si="0"/>
        <v>253562</v>
      </c>
      <c r="R25" s="37">
        <f t="shared" ref="R25:R28" si="6">SUM(S25:AP25)</f>
        <v>0</v>
      </c>
      <c r="S25" s="61">
        <f t="shared" ref="S25:AP25" si="7">SUM(S26:S27)</f>
        <v>0</v>
      </c>
      <c r="T25" s="49">
        <f t="shared" si="7"/>
        <v>0</v>
      </c>
      <c r="U25" s="49">
        <f t="shared" si="7"/>
        <v>0</v>
      </c>
      <c r="V25" s="49">
        <f t="shared" si="7"/>
        <v>0</v>
      </c>
      <c r="W25" s="49">
        <f t="shared" si="7"/>
        <v>0</v>
      </c>
      <c r="X25" s="49">
        <f t="shared" si="7"/>
        <v>0</v>
      </c>
      <c r="Y25" s="49">
        <f t="shared" si="7"/>
        <v>0</v>
      </c>
      <c r="Z25" s="49">
        <f t="shared" si="7"/>
        <v>0</v>
      </c>
      <c r="AA25" s="49">
        <f t="shared" si="7"/>
        <v>0</v>
      </c>
      <c r="AB25" s="49">
        <f t="shared" si="7"/>
        <v>0</v>
      </c>
      <c r="AC25" s="49">
        <f t="shared" si="7"/>
        <v>0</v>
      </c>
      <c r="AD25" s="49">
        <f t="shared" si="7"/>
        <v>0</v>
      </c>
      <c r="AE25" s="49">
        <f t="shared" si="7"/>
        <v>0</v>
      </c>
      <c r="AF25" s="49">
        <f t="shared" si="7"/>
        <v>0</v>
      </c>
      <c r="AG25" s="49">
        <f t="shared" si="7"/>
        <v>0</v>
      </c>
      <c r="AH25" s="49">
        <f t="shared" si="7"/>
        <v>0</v>
      </c>
      <c r="AI25" s="49">
        <f t="shared" si="7"/>
        <v>0</v>
      </c>
      <c r="AJ25" s="49">
        <f t="shared" si="7"/>
        <v>0</v>
      </c>
      <c r="AK25" s="49">
        <f t="shared" si="7"/>
        <v>0</v>
      </c>
      <c r="AL25" s="49">
        <f t="shared" si="7"/>
        <v>0</v>
      </c>
      <c r="AM25" s="49">
        <f t="shared" si="7"/>
        <v>0</v>
      </c>
      <c r="AN25" s="49">
        <f t="shared" si="7"/>
        <v>0</v>
      </c>
      <c r="AO25" s="49">
        <f t="shared" si="7"/>
        <v>0</v>
      </c>
      <c r="AP25" s="37">
        <f t="shared" si="7"/>
        <v>0</v>
      </c>
    </row>
    <row r="26" spans="1:42" ht="36" customHeight="1">
      <c r="B26" s="192"/>
      <c r="C26" s="188"/>
      <c r="D26" s="174" t="s">
        <v>106</v>
      </c>
      <c r="E26" s="157" t="s">
        <v>57</v>
      </c>
      <c r="F26" s="157" t="s">
        <v>45</v>
      </c>
      <c r="G26" s="157" t="s">
        <v>44</v>
      </c>
      <c r="H26" s="157" t="s">
        <v>101</v>
      </c>
      <c r="I26" s="117" t="s">
        <v>91</v>
      </c>
      <c r="J26" s="151" t="s">
        <v>45</v>
      </c>
      <c r="K26" s="154">
        <v>158404</v>
      </c>
      <c r="L26" s="76">
        <v>1</v>
      </c>
      <c r="M26" s="106">
        <v>0</v>
      </c>
      <c r="N26" s="107">
        <v>0</v>
      </c>
      <c r="O26" s="108">
        <v>158404</v>
      </c>
      <c r="P26" s="109">
        <v>158404</v>
      </c>
      <c r="Q26" s="175">
        <f t="shared" si="0"/>
        <v>158404</v>
      </c>
      <c r="R26" s="153">
        <f t="shared" si="6"/>
        <v>0</v>
      </c>
      <c r="S26" s="152"/>
      <c r="T26" s="133"/>
      <c r="U26" s="133"/>
      <c r="V26" s="133"/>
      <c r="W26" s="133"/>
      <c r="X26" s="133"/>
      <c r="Y26" s="133"/>
      <c r="Z26" s="133"/>
      <c r="AA26" s="133"/>
      <c r="AB26" s="133"/>
      <c r="AC26" s="133"/>
      <c r="AD26" s="133"/>
      <c r="AE26" s="133"/>
      <c r="AF26" s="133"/>
      <c r="AG26" s="133"/>
      <c r="AH26" s="133"/>
      <c r="AI26" s="133"/>
      <c r="AJ26" s="133"/>
      <c r="AK26" s="133"/>
      <c r="AL26" s="133"/>
      <c r="AM26" s="133"/>
      <c r="AN26" s="133"/>
      <c r="AO26" s="133"/>
      <c r="AP26" s="153"/>
    </row>
    <row r="27" spans="1:42" ht="36" customHeight="1">
      <c r="B27" s="192"/>
      <c r="C27" s="189"/>
      <c r="D27" s="176" t="s">
        <v>107</v>
      </c>
      <c r="E27" s="127" t="s">
        <v>98</v>
      </c>
      <c r="F27" s="127"/>
      <c r="G27" s="127" t="s">
        <v>44</v>
      </c>
      <c r="H27" s="127" t="s">
        <v>101</v>
      </c>
      <c r="I27" s="77" t="s">
        <v>91</v>
      </c>
      <c r="J27" s="147" t="s">
        <v>49</v>
      </c>
      <c r="K27" s="177">
        <v>95158</v>
      </c>
      <c r="L27" s="60">
        <v>1</v>
      </c>
      <c r="M27" s="119">
        <v>0</v>
      </c>
      <c r="N27" s="178">
        <v>0</v>
      </c>
      <c r="O27" s="179">
        <v>95158</v>
      </c>
      <c r="P27" s="180">
        <v>95158</v>
      </c>
      <c r="Q27" s="125">
        <f t="shared" si="0"/>
        <v>95158</v>
      </c>
      <c r="R27" s="120">
        <f t="shared" ref="R27" si="8">SUM(S27:AP27)</f>
        <v>0</v>
      </c>
      <c r="S27" s="124"/>
      <c r="T27" s="123"/>
      <c r="U27" s="123"/>
      <c r="V27" s="123"/>
      <c r="W27" s="123"/>
      <c r="X27" s="123"/>
      <c r="Y27" s="123"/>
      <c r="Z27" s="123"/>
      <c r="AA27" s="123"/>
      <c r="AB27" s="123"/>
      <c r="AC27" s="123"/>
      <c r="AD27" s="123"/>
      <c r="AE27" s="123"/>
      <c r="AF27" s="123"/>
      <c r="AG27" s="123"/>
      <c r="AH27" s="123"/>
      <c r="AI27" s="123"/>
      <c r="AJ27" s="123"/>
      <c r="AK27" s="123"/>
      <c r="AL27" s="123"/>
      <c r="AM27" s="123"/>
      <c r="AN27" s="123"/>
      <c r="AO27" s="123"/>
      <c r="AP27" s="120"/>
    </row>
    <row r="28" spans="1:42" ht="36" customHeight="1">
      <c r="B28" s="192"/>
      <c r="C28" s="183">
        <v>51</v>
      </c>
      <c r="D28" s="111" t="s">
        <v>108</v>
      </c>
      <c r="E28" s="39" t="s">
        <v>57</v>
      </c>
      <c r="F28" s="122" t="s">
        <v>43</v>
      </c>
      <c r="G28" s="122" t="s">
        <v>44</v>
      </c>
      <c r="H28" s="122" t="s">
        <v>101</v>
      </c>
      <c r="I28" s="122" t="s">
        <v>91</v>
      </c>
      <c r="J28" s="33" t="s">
        <v>49</v>
      </c>
      <c r="K28" s="135">
        <v>980</v>
      </c>
      <c r="L28" s="16">
        <v>1</v>
      </c>
      <c r="M28" s="24">
        <v>0</v>
      </c>
      <c r="N28" s="25">
        <v>0</v>
      </c>
      <c r="O28" s="34">
        <v>980</v>
      </c>
      <c r="P28" s="35">
        <v>980</v>
      </c>
      <c r="Q28" s="48">
        <f t="shared" si="0"/>
        <v>980</v>
      </c>
      <c r="R28" s="37">
        <f t="shared" si="6"/>
        <v>0</v>
      </c>
      <c r="S28" s="61"/>
      <c r="T28" s="49"/>
      <c r="U28" s="49"/>
      <c r="V28" s="49"/>
      <c r="W28" s="49"/>
      <c r="X28" s="49"/>
      <c r="Y28" s="49"/>
      <c r="Z28" s="49"/>
      <c r="AA28" s="49"/>
      <c r="AB28" s="49"/>
      <c r="AC28" s="49"/>
      <c r="AD28" s="49"/>
      <c r="AE28" s="49"/>
      <c r="AF28" s="49"/>
      <c r="AG28" s="49"/>
      <c r="AH28" s="49"/>
      <c r="AI28" s="49"/>
      <c r="AJ28" s="49"/>
      <c r="AK28" s="49"/>
      <c r="AL28" s="49"/>
      <c r="AM28" s="49"/>
      <c r="AN28" s="49"/>
      <c r="AO28" s="49"/>
      <c r="AP28" s="37"/>
    </row>
    <row r="29" spans="1:42" ht="36" customHeight="1">
      <c r="B29" s="192"/>
      <c r="C29" s="183">
        <v>52</v>
      </c>
      <c r="D29" s="38" t="s">
        <v>58</v>
      </c>
      <c r="E29" s="39" t="s">
        <v>57</v>
      </c>
      <c r="F29" s="122" t="s">
        <v>43</v>
      </c>
      <c r="G29" s="122" t="s">
        <v>44</v>
      </c>
      <c r="H29" s="122" t="s">
        <v>101</v>
      </c>
      <c r="I29" s="122" t="s">
        <v>91</v>
      </c>
      <c r="J29" s="33" t="s">
        <v>49</v>
      </c>
      <c r="K29" s="137">
        <v>15260</v>
      </c>
      <c r="L29" s="16">
        <v>1</v>
      </c>
      <c r="M29" s="24">
        <v>0</v>
      </c>
      <c r="N29" s="25">
        <v>0</v>
      </c>
      <c r="O29" s="34">
        <v>15260</v>
      </c>
      <c r="P29" s="35">
        <v>15260</v>
      </c>
      <c r="Q29" s="61">
        <f t="shared" si="0"/>
        <v>15260</v>
      </c>
      <c r="R29" s="131">
        <f t="shared" ref="R29" si="9">SUM(S29:AP29)</f>
        <v>0</v>
      </c>
      <c r="S29" s="162"/>
      <c r="T29" s="138"/>
      <c r="U29" s="138"/>
      <c r="V29" s="138"/>
      <c r="W29" s="138"/>
      <c r="X29" s="138"/>
      <c r="Y29" s="138"/>
      <c r="Z29" s="138"/>
      <c r="AA29" s="138"/>
      <c r="AB29" s="138"/>
      <c r="AC29" s="138"/>
      <c r="AD29" s="138"/>
      <c r="AE29" s="138"/>
      <c r="AF29" s="138"/>
      <c r="AG29" s="138"/>
      <c r="AH29" s="138"/>
      <c r="AI29" s="138"/>
      <c r="AJ29" s="138"/>
      <c r="AK29" s="138"/>
      <c r="AL29" s="138"/>
      <c r="AM29" s="138"/>
      <c r="AN29" s="138"/>
      <c r="AO29" s="138"/>
      <c r="AP29" s="131"/>
    </row>
    <row r="30" spans="1:42" ht="36" customHeight="1">
      <c r="B30" s="192"/>
      <c r="C30" s="183">
        <v>54</v>
      </c>
      <c r="D30" s="53" t="s">
        <v>60</v>
      </c>
      <c r="E30" s="122" t="s">
        <v>59</v>
      </c>
      <c r="F30" s="122" t="s">
        <v>43</v>
      </c>
      <c r="G30" s="122" t="s">
        <v>44</v>
      </c>
      <c r="H30" s="122" t="s">
        <v>101</v>
      </c>
      <c r="I30" s="122" t="s">
        <v>91</v>
      </c>
      <c r="J30" s="33" t="s">
        <v>45</v>
      </c>
      <c r="K30" s="137">
        <v>1188</v>
      </c>
      <c r="L30" s="16">
        <v>1</v>
      </c>
      <c r="M30" s="24">
        <v>0</v>
      </c>
      <c r="N30" s="25">
        <v>0</v>
      </c>
      <c r="O30" s="34">
        <v>1188</v>
      </c>
      <c r="P30" s="35">
        <v>1188</v>
      </c>
      <c r="Q30" s="48">
        <f t="shared" si="0"/>
        <v>1188</v>
      </c>
      <c r="R30" s="37">
        <f t="shared" ref="R30:R32" si="10">SUM(S30:AP30)</f>
        <v>0</v>
      </c>
      <c r="S30" s="48"/>
      <c r="T30" s="49"/>
      <c r="U30" s="49"/>
      <c r="V30" s="49"/>
      <c r="W30" s="49"/>
      <c r="X30" s="49"/>
      <c r="Y30" s="49"/>
      <c r="Z30" s="49"/>
      <c r="AA30" s="49"/>
      <c r="AB30" s="49"/>
      <c r="AC30" s="49"/>
      <c r="AD30" s="49"/>
      <c r="AE30" s="49"/>
      <c r="AF30" s="49"/>
      <c r="AG30" s="49"/>
      <c r="AH30" s="49"/>
      <c r="AI30" s="49"/>
      <c r="AJ30" s="49"/>
      <c r="AK30" s="49"/>
      <c r="AL30" s="49"/>
      <c r="AM30" s="49"/>
      <c r="AN30" s="49"/>
      <c r="AO30" s="49"/>
      <c r="AP30" s="37"/>
    </row>
    <row r="31" spans="1:42" ht="36" customHeight="1">
      <c r="B31" s="192"/>
      <c r="C31" s="183">
        <v>55</v>
      </c>
      <c r="D31" s="53" t="s">
        <v>88</v>
      </c>
      <c r="E31" s="122" t="s">
        <v>59</v>
      </c>
      <c r="F31" s="122" t="s">
        <v>43</v>
      </c>
      <c r="G31" s="122" t="s">
        <v>44</v>
      </c>
      <c r="H31" s="122" t="s">
        <v>101</v>
      </c>
      <c r="I31" s="122" t="s">
        <v>91</v>
      </c>
      <c r="J31" s="33" t="s">
        <v>49</v>
      </c>
      <c r="K31" s="137">
        <v>14845</v>
      </c>
      <c r="L31" s="16">
        <v>1</v>
      </c>
      <c r="M31" s="24">
        <v>0</v>
      </c>
      <c r="N31" s="25">
        <v>0</v>
      </c>
      <c r="O31" s="34">
        <v>14845</v>
      </c>
      <c r="P31" s="35">
        <v>14845</v>
      </c>
      <c r="Q31" s="48">
        <f t="shared" si="0"/>
        <v>14845</v>
      </c>
      <c r="R31" s="37">
        <f t="shared" si="10"/>
        <v>0</v>
      </c>
      <c r="S31" s="48"/>
      <c r="T31" s="49"/>
      <c r="U31" s="49"/>
      <c r="V31" s="49"/>
      <c r="W31" s="49"/>
      <c r="X31" s="49"/>
      <c r="Y31" s="49"/>
      <c r="Z31" s="49"/>
      <c r="AA31" s="49"/>
      <c r="AB31" s="49"/>
      <c r="AC31" s="49"/>
      <c r="AD31" s="49"/>
      <c r="AE31" s="49"/>
      <c r="AF31" s="49"/>
      <c r="AG31" s="49"/>
      <c r="AH31" s="49"/>
      <c r="AI31" s="49"/>
      <c r="AJ31" s="49"/>
      <c r="AK31" s="49"/>
      <c r="AL31" s="49"/>
      <c r="AM31" s="49"/>
      <c r="AN31" s="49"/>
      <c r="AO31" s="49"/>
      <c r="AP31" s="37"/>
    </row>
    <row r="32" spans="1:42" ht="36" customHeight="1">
      <c r="B32" s="192"/>
      <c r="C32" s="183">
        <v>65</v>
      </c>
      <c r="D32" s="169" t="s">
        <v>81</v>
      </c>
      <c r="E32" s="122" t="s">
        <v>59</v>
      </c>
      <c r="F32" s="122" t="s">
        <v>43</v>
      </c>
      <c r="G32" s="122" t="s">
        <v>44</v>
      </c>
      <c r="H32" s="122" t="s">
        <v>101</v>
      </c>
      <c r="I32" s="122" t="s">
        <v>91</v>
      </c>
      <c r="J32" s="33" t="s">
        <v>49</v>
      </c>
      <c r="K32" s="137">
        <v>1684</v>
      </c>
      <c r="L32" s="16">
        <v>1</v>
      </c>
      <c r="M32" s="24">
        <v>0</v>
      </c>
      <c r="N32" s="25">
        <v>0</v>
      </c>
      <c r="O32" s="34">
        <v>1684</v>
      </c>
      <c r="P32" s="35">
        <v>1684</v>
      </c>
      <c r="Q32" s="36">
        <f t="shared" si="0"/>
        <v>1684</v>
      </c>
      <c r="R32" s="37">
        <f t="shared" si="10"/>
        <v>0</v>
      </c>
      <c r="S32" s="48"/>
      <c r="T32" s="49"/>
      <c r="U32" s="49"/>
      <c r="V32" s="49"/>
      <c r="W32" s="49"/>
      <c r="X32" s="49"/>
      <c r="Y32" s="49"/>
      <c r="Z32" s="49"/>
      <c r="AA32" s="49"/>
      <c r="AB32" s="49"/>
      <c r="AC32" s="49"/>
      <c r="AD32" s="49"/>
      <c r="AE32" s="49"/>
      <c r="AF32" s="49"/>
      <c r="AG32" s="49"/>
      <c r="AH32" s="49"/>
      <c r="AI32" s="49"/>
      <c r="AJ32" s="49"/>
      <c r="AK32" s="49"/>
      <c r="AL32" s="49"/>
      <c r="AM32" s="49"/>
      <c r="AN32" s="49"/>
      <c r="AO32" s="49"/>
      <c r="AP32" s="37"/>
    </row>
    <row r="33" spans="1:42" ht="36" customHeight="1">
      <c r="B33" s="192"/>
      <c r="C33" s="183">
        <v>66</v>
      </c>
      <c r="D33" s="53" t="s">
        <v>61</v>
      </c>
      <c r="E33" s="122" t="s">
        <v>62</v>
      </c>
      <c r="F33" s="122" t="s">
        <v>43</v>
      </c>
      <c r="G33" s="122" t="s">
        <v>44</v>
      </c>
      <c r="H33" s="122" t="s">
        <v>101</v>
      </c>
      <c r="I33" s="122" t="s">
        <v>91</v>
      </c>
      <c r="J33" s="33" t="s">
        <v>49</v>
      </c>
      <c r="K33" s="137">
        <v>137</v>
      </c>
      <c r="L33" s="16">
        <v>1</v>
      </c>
      <c r="M33" s="24">
        <v>0</v>
      </c>
      <c r="N33" s="25">
        <v>0</v>
      </c>
      <c r="O33" s="34">
        <v>137</v>
      </c>
      <c r="P33" s="35">
        <v>137</v>
      </c>
      <c r="Q33" s="48">
        <f t="shared" si="0"/>
        <v>137</v>
      </c>
      <c r="R33" s="47">
        <f>SUM(S33:AP33)</f>
        <v>0</v>
      </c>
      <c r="S33" s="48"/>
      <c r="T33" s="49"/>
      <c r="U33" s="49"/>
      <c r="V33" s="49"/>
      <c r="W33" s="49"/>
      <c r="X33" s="49"/>
      <c r="Y33" s="49"/>
      <c r="Z33" s="49"/>
      <c r="AA33" s="49"/>
      <c r="AB33" s="49"/>
      <c r="AC33" s="49"/>
      <c r="AD33" s="49"/>
      <c r="AE33" s="49"/>
      <c r="AF33" s="49"/>
      <c r="AG33" s="49"/>
      <c r="AH33" s="49"/>
      <c r="AI33" s="49"/>
      <c r="AJ33" s="49"/>
      <c r="AK33" s="49"/>
      <c r="AL33" s="49"/>
      <c r="AM33" s="49"/>
      <c r="AN33" s="49"/>
      <c r="AO33" s="49"/>
      <c r="AP33" s="37"/>
    </row>
    <row r="34" spans="1:42" ht="36" customHeight="1">
      <c r="B34" s="192"/>
      <c r="C34" s="183">
        <v>67</v>
      </c>
      <c r="D34" s="53" t="s">
        <v>63</v>
      </c>
      <c r="E34" s="122" t="s">
        <v>62</v>
      </c>
      <c r="F34" s="122" t="s">
        <v>43</v>
      </c>
      <c r="G34" s="122" t="s">
        <v>44</v>
      </c>
      <c r="H34" s="122" t="s">
        <v>101</v>
      </c>
      <c r="I34" s="122" t="s">
        <v>91</v>
      </c>
      <c r="J34" s="33" t="s">
        <v>49</v>
      </c>
      <c r="K34" s="137">
        <v>59</v>
      </c>
      <c r="L34" s="16">
        <v>1</v>
      </c>
      <c r="M34" s="24">
        <v>0</v>
      </c>
      <c r="N34" s="25">
        <v>0</v>
      </c>
      <c r="O34" s="34">
        <v>59</v>
      </c>
      <c r="P34" s="35">
        <v>59</v>
      </c>
      <c r="Q34" s="48">
        <f t="shared" si="0"/>
        <v>59</v>
      </c>
      <c r="R34" s="47">
        <f>SUM(S34:AP34)</f>
        <v>0</v>
      </c>
      <c r="S34" s="48"/>
      <c r="T34" s="49"/>
      <c r="U34" s="49"/>
      <c r="V34" s="49"/>
      <c r="W34" s="49"/>
      <c r="X34" s="49"/>
      <c r="Y34" s="49"/>
      <c r="Z34" s="49"/>
      <c r="AA34" s="49"/>
      <c r="AB34" s="49"/>
      <c r="AC34" s="49"/>
      <c r="AD34" s="49"/>
      <c r="AE34" s="49"/>
      <c r="AF34" s="49"/>
      <c r="AG34" s="49"/>
      <c r="AH34" s="49"/>
      <c r="AI34" s="49"/>
      <c r="AJ34" s="49"/>
      <c r="AK34" s="49"/>
      <c r="AL34" s="49"/>
      <c r="AM34" s="49"/>
      <c r="AN34" s="49"/>
      <c r="AO34" s="49"/>
      <c r="AP34" s="37"/>
    </row>
    <row r="35" spans="1:42" ht="36" customHeight="1">
      <c r="B35" s="192"/>
      <c r="C35" s="183">
        <v>69</v>
      </c>
      <c r="D35" s="129" t="s">
        <v>65</v>
      </c>
      <c r="E35" s="39" t="s">
        <v>64</v>
      </c>
      <c r="F35" s="122" t="s">
        <v>43</v>
      </c>
      <c r="G35" s="122" t="s">
        <v>44</v>
      </c>
      <c r="H35" s="122" t="s">
        <v>101</v>
      </c>
      <c r="I35" s="122" t="s">
        <v>91</v>
      </c>
      <c r="J35" s="33" t="s">
        <v>49</v>
      </c>
      <c r="K35" s="135">
        <v>330211</v>
      </c>
      <c r="L35" s="16">
        <v>1</v>
      </c>
      <c r="M35" s="24">
        <v>0</v>
      </c>
      <c r="N35" s="25">
        <v>0</v>
      </c>
      <c r="O35" s="34">
        <v>330211</v>
      </c>
      <c r="P35" s="170">
        <v>330211</v>
      </c>
      <c r="Q35" s="48">
        <f t="shared" si="0"/>
        <v>330211</v>
      </c>
      <c r="R35" s="47">
        <f t="shared" ref="R35:R38" si="11">SUM(S35:AP35)</f>
        <v>0</v>
      </c>
      <c r="S35" s="61"/>
      <c r="T35" s="49"/>
      <c r="U35" s="49"/>
      <c r="V35" s="49"/>
      <c r="W35" s="49"/>
      <c r="X35" s="49"/>
      <c r="Y35" s="49"/>
      <c r="Z35" s="49"/>
      <c r="AA35" s="49"/>
      <c r="AB35" s="49"/>
      <c r="AC35" s="49"/>
      <c r="AD35" s="49"/>
      <c r="AE35" s="49"/>
      <c r="AF35" s="49"/>
      <c r="AG35" s="49"/>
      <c r="AH35" s="49"/>
      <c r="AI35" s="49"/>
      <c r="AJ35" s="49"/>
      <c r="AK35" s="49"/>
      <c r="AL35" s="49"/>
      <c r="AM35" s="49"/>
      <c r="AN35" s="49"/>
      <c r="AO35" s="49"/>
      <c r="AP35" s="37"/>
    </row>
    <row r="36" spans="1:42" ht="36" customHeight="1">
      <c r="B36" s="192"/>
      <c r="C36" s="183">
        <v>70</v>
      </c>
      <c r="D36" s="129" t="s">
        <v>66</v>
      </c>
      <c r="E36" s="39" t="s">
        <v>64</v>
      </c>
      <c r="F36" s="122" t="s">
        <v>43</v>
      </c>
      <c r="G36" s="122" t="s">
        <v>44</v>
      </c>
      <c r="H36" s="122" t="s">
        <v>101</v>
      </c>
      <c r="I36" s="122" t="s">
        <v>91</v>
      </c>
      <c r="J36" s="33" t="s">
        <v>49</v>
      </c>
      <c r="K36" s="135">
        <v>114217</v>
      </c>
      <c r="L36" s="16">
        <v>1</v>
      </c>
      <c r="M36" s="24">
        <v>0</v>
      </c>
      <c r="N36" s="25">
        <v>0</v>
      </c>
      <c r="O36" s="34">
        <v>114217</v>
      </c>
      <c r="P36" s="35">
        <v>114217</v>
      </c>
      <c r="Q36" s="48">
        <f t="shared" si="0"/>
        <v>114217</v>
      </c>
      <c r="R36" s="37">
        <f t="shared" si="11"/>
        <v>0</v>
      </c>
      <c r="S36" s="61"/>
      <c r="T36" s="49"/>
      <c r="U36" s="49"/>
      <c r="V36" s="49"/>
      <c r="W36" s="49"/>
      <c r="X36" s="49"/>
      <c r="Y36" s="49"/>
      <c r="Z36" s="49"/>
      <c r="AA36" s="49"/>
      <c r="AB36" s="49"/>
      <c r="AC36" s="49"/>
      <c r="AD36" s="49"/>
      <c r="AE36" s="49"/>
      <c r="AF36" s="49"/>
      <c r="AG36" s="49"/>
      <c r="AH36" s="49"/>
      <c r="AI36" s="49"/>
      <c r="AJ36" s="49"/>
      <c r="AK36" s="49"/>
      <c r="AL36" s="49"/>
      <c r="AM36" s="49"/>
      <c r="AN36" s="49"/>
      <c r="AO36" s="49"/>
      <c r="AP36" s="37"/>
    </row>
    <row r="37" spans="1:42" ht="36" customHeight="1">
      <c r="B37" s="192"/>
      <c r="C37" s="183">
        <v>71</v>
      </c>
      <c r="D37" s="38" t="s">
        <v>67</v>
      </c>
      <c r="E37" s="39" t="s">
        <v>64</v>
      </c>
      <c r="F37" s="122" t="s">
        <v>43</v>
      </c>
      <c r="G37" s="122" t="s">
        <v>44</v>
      </c>
      <c r="H37" s="122" t="s">
        <v>101</v>
      </c>
      <c r="I37" s="122" t="s">
        <v>91</v>
      </c>
      <c r="J37" s="33" t="s">
        <v>49</v>
      </c>
      <c r="K37" s="135">
        <v>563767</v>
      </c>
      <c r="L37" s="16">
        <v>1</v>
      </c>
      <c r="M37" s="24">
        <v>0</v>
      </c>
      <c r="N37" s="25">
        <v>0</v>
      </c>
      <c r="O37" s="34">
        <v>563767</v>
      </c>
      <c r="P37" s="35">
        <v>563767</v>
      </c>
      <c r="Q37" s="48">
        <f t="shared" si="0"/>
        <v>563767</v>
      </c>
      <c r="R37" s="47">
        <f t="shared" si="11"/>
        <v>0</v>
      </c>
      <c r="S37" s="61"/>
      <c r="T37" s="49"/>
      <c r="U37" s="49"/>
      <c r="V37" s="49"/>
      <c r="W37" s="49"/>
      <c r="X37" s="49"/>
      <c r="Y37" s="49"/>
      <c r="Z37" s="49"/>
      <c r="AA37" s="49"/>
      <c r="AB37" s="49"/>
      <c r="AC37" s="49"/>
      <c r="AD37" s="49"/>
      <c r="AE37" s="49"/>
      <c r="AF37" s="49"/>
      <c r="AG37" s="49"/>
      <c r="AH37" s="49"/>
      <c r="AI37" s="49"/>
      <c r="AJ37" s="49"/>
      <c r="AK37" s="49"/>
      <c r="AL37" s="49"/>
      <c r="AM37" s="49"/>
      <c r="AN37" s="49"/>
      <c r="AO37" s="49"/>
      <c r="AP37" s="37"/>
    </row>
    <row r="38" spans="1:42" ht="36" customHeight="1">
      <c r="B38" s="192"/>
      <c r="C38" s="183">
        <v>72</v>
      </c>
      <c r="D38" s="111" t="s">
        <v>89</v>
      </c>
      <c r="E38" s="39" t="s">
        <v>64</v>
      </c>
      <c r="F38" s="122" t="s">
        <v>43</v>
      </c>
      <c r="G38" s="122" t="s">
        <v>44</v>
      </c>
      <c r="H38" s="122" t="s">
        <v>101</v>
      </c>
      <c r="I38" s="122" t="s">
        <v>91</v>
      </c>
      <c r="J38" s="33" t="s">
        <v>45</v>
      </c>
      <c r="K38" s="137">
        <v>109641</v>
      </c>
      <c r="L38" s="16">
        <v>1</v>
      </c>
      <c r="M38" s="24">
        <v>0</v>
      </c>
      <c r="N38" s="25">
        <v>0</v>
      </c>
      <c r="O38" s="34">
        <v>109641</v>
      </c>
      <c r="P38" s="35">
        <v>109641</v>
      </c>
      <c r="Q38" s="48">
        <f t="shared" si="0"/>
        <v>109641</v>
      </c>
      <c r="R38" s="37">
        <f t="shared" si="11"/>
        <v>0</v>
      </c>
      <c r="S38" s="61"/>
      <c r="T38" s="49"/>
      <c r="U38" s="49"/>
      <c r="V38" s="49"/>
      <c r="W38" s="49"/>
      <c r="X38" s="49"/>
      <c r="Y38" s="49"/>
      <c r="Z38" s="49"/>
      <c r="AA38" s="49"/>
      <c r="AB38" s="49"/>
      <c r="AC38" s="49"/>
      <c r="AD38" s="49"/>
      <c r="AE38" s="49"/>
      <c r="AF38" s="49"/>
      <c r="AG38" s="49"/>
      <c r="AH38" s="49"/>
      <c r="AI38" s="49"/>
      <c r="AJ38" s="49"/>
      <c r="AK38" s="49"/>
      <c r="AL38" s="49"/>
      <c r="AM38" s="49"/>
      <c r="AN38" s="49"/>
      <c r="AO38" s="49"/>
      <c r="AP38" s="37"/>
    </row>
    <row r="39" spans="1:42" ht="36" customHeight="1">
      <c r="A39" s="73"/>
      <c r="B39" s="192"/>
      <c r="C39" s="185">
        <v>74</v>
      </c>
      <c r="D39" s="111" t="s">
        <v>68</v>
      </c>
      <c r="E39" s="39" t="s">
        <v>64</v>
      </c>
      <c r="F39" s="122" t="s">
        <v>43</v>
      </c>
      <c r="G39" s="122" t="s">
        <v>44</v>
      </c>
      <c r="H39" s="122" t="s">
        <v>101</v>
      </c>
      <c r="I39" s="122" t="s">
        <v>91</v>
      </c>
      <c r="J39" s="33" t="s">
        <v>49</v>
      </c>
      <c r="K39" s="135">
        <v>125</v>
      </c>
      <c r="L39" s="16">
        <v>1</v>
      </c>
      <c r="M39" s="24">
        <v>0</v>
      </c>
      <c r="N39" s="25">
        <v>0</v>
      </c>
      <c r="O39" s="34">
        <v>125</v>
      </c>
      <c r="P39" s="35">
        <v>125</v>
      </c>
      <c r="Q39" s="48">
        <f t="shared" si="0"/>
        <v>125</v>
      </c>
      <c r="R39" s="37">
        <f>SUM(S39:AP39)</f>
        <v>0</v>
      </c>
      <c r="S39" s="61"/>
      <c r="T39" s="49"/>
      <c r="U39" s="49"/>
      <c r="V39" s="49"/>
      <c r="W39" s="49"/>
      <c r="X39" s="49"/>
      <c r="Y39" s="49"/>
      <c r="Z39" s="49"/>
      <c r="AA39" s="49"/>
      <c r="AB39" s="49"/>
      <c r="AC39" s="49"/>
      <c r="AD39" s="49"/>
      <c r="AE39" s="49"/>
      <c r="AF39" s="49"/>
      <c r="AG39" s="49"/>
      <c r="AH39" s="49"/>
      <c r="AI39" s="49"/>
      <c r="AJ39" s="49"/>
      <c r="AK39" s="49"/>
      <c r="AL39" s="49"/>
      <c r="AM39" s="49"/>
      <c r="AN39" s="49"/>
      <c r="AO39" s="49"/>
      <c r="AP39" s="37"/>
    </row>
    <row r="40" spans="1:42" ht="35.25" customHeight="1">
      <c r="B40" s="192"/>
      <c r="C40" s="183">
        <v>75</v>
      </c>
      <c r="D40" s="38" t="s">
        <v>69</v>
      </c>
      <c r="E40" s="39" t="s">
        <v>64</v>
      </c>
      <c r="F40" s="122" t="s">
        <v>43</v>
      </c>
      <c r="G40" s="122" t="s">
        <v>44</v>
      </c>
      <c r="H40" s="122" t="s">
        <v>101</v>
      </c>
      <c r="I40" s="122" t="s">
        <v>91</v>
      </c>
      <c r="J40" s="33" t="s">
        <v>49</v>
      </c>
      <c r="K40" s="135">
        <v>15374</v>
      </c>
      <c r="L40" s="16">
        <v>1</v>
      </c>
      <c r="M40" s="24">
        <v>0</v>
      </c>
      <c r="N40" s="25">
        <v>0</v>
      </c>
      <c r="O40" s="74">
        <v>15374</v>
      </c>
      <c r="P40" s="35">
        <v>15374</v>
      </c>
      <c r="Q40" s="48">
        <f t="shared" si="0"/>
        <v>15374</v>
      </c>
      <c r="R40" s="75">
        <f>SUM(S40:AP40)</f>
        <v>0</v>
      </c>
      <c r="S40" s="61"/>
      <c r="T40" s="49"/>
      <c r="U40" s="49"/>
      <c r="V40" s="49"/>
      <c r="W40" s="49"/>
      <c r="X40" s="49"/>
      <c r="Y40" s="49"/>
      <c r="Z40" s="49"/>
      <c r="AA40" s="49"/>
      <c r="AB40" s="49"/>
      <c r="AC40" s="49"/>
      <c r="AD40" s="49"/>
      <c r="AE40" s="49"/>
      <c r="AF40" s="49"/>
      <c r="AG40" s="49"/>
      <c r="AH40" s="49"/>
      <c r="AI40" s="49"/>
      <c r="AJ40" s="49"/>
      <c r="AK40" s="49"/>
      <c r="AL40" s="49"/>
      <c r="AM40" s="49"/>
      <c r="AN40" s="49"/>
      <c r="AO40" s="49"/>
      <c r="AP40" s="37"/>
    </row>
    <row r="41" spans="1:42" ht="36" customHeight="1">
      <c r="B41" s="192"/>
      <c r="C41" s="185">
        <v>76</v>
      </c>
      <c r="D41" s="111" t="s">
        <v>70</v>
      </c>
      <c r="E41" s="39" t="s">
        <v>64</v>
      </c>
      <c r="F41" s="122" t="s">
        <v>43</v>
      </c>
      <c r="G41" s="122" t="s">
        <v>44</v>
      </c>
      <c r="H41" s="122" t="s">
        <v>101</v>
      </c>
      <c r="I41" s="122" t="s">
        <v>91</v>
      </c>
      <c r="J41" s="33" t="s">
        <v>49</v>
      </c>
      <c r="K41" s="135">
        <v>63016</v>
      </c>
      <c r="L41" s="16">
        <v>1</v>
      </c>
      <c r="M41" s="171">
        <v>0</v>
      </c>
      <c r="N41" s="25">
        <v>0</v>
      </c>
      <c r="O41" s="172">
        <v>63016</v>
      </c>
      <c r="P41" s="35">
        <v>63016</v>
      </c>
      <c r="Q41" s="48">
        <f t="shared" si="0"/>
        <v>63016</v>
      </c>
      <c r="R41" s="75">
        <f t="shared" ref="R41" si="12">SUM(S41:AP41)</f>
        <v>0</v>
      </c>
      <c r="S41" s="61"/>
      <c r="T41" s="49"/>
      <c r="U41" s="49"/>
      <c r="V41" s="49"/>
      <c r="W41" s="49"/>
      <c r="X41" s="49"/>
      <c r="Y41" s="49"/>
      <c r="Z41" s="49"/>
      <c r="AA41" s="49"/>
      <c r="AB41" s="49"/>
      <c r="AC41" s="49"/>
      <c r="AD41" s="49"/>
      <c r="AE41" s="49"/>
      <c r="AF41" s="49"/>
      <c r="AG41" s="49"/>
      <c r="AH41" s="49"/>
      <c r="AI41" s="49"/>
      <c r="AJ41" s="49"/>
      <c r="AK41" s="49"/>
      <c r="AL41" s="49"/>
      <c r="AM41" s="49"/>
      <c r="AN41" s="49"/>
      <c r="AO41" s="49"/>
      <c r="AP41" s="37"/>
    </row>
    <row r="42" spans="1:42" ht="36" customHeight="1">
      <c r="B42" s="192"/>
      <c r="C42" s="183">
        <v>77</v>
      </c>
      <c r="D42" s="111" t="s">
        <v>113</v>
      </c>
      <c r="E42" s="39" t="s">
        <v>64</v>
      </c>
      <c r="F42" s="122" t="s">
        <v>43</v>
      </c>
      <c r="G42" s="122" t="s">
        <v>84</v>
      </c>
      <c r="H42" s="122" t="s">
        <v>101</v>
      </c>
      <c r="I42" s="122" t="s">
        <v>91</v>
      </c>
      <c r="J42" s="33" t="s">
        <v>49</v>
      </c>
      <c r="K42" s="137">
        <v>27481</v>
      </c>
      <c r="L42" s="16">
        <v>1</v>
      </c>
      <c r="M42" s="24">
        <v>0</v>
      </c>
      <c r="N42" s="25">
        <v>0</v>
      </c>
      <c r="O42" s="34">
        <v>27481</v>
      </c>
      <c r="P42" s="35">
        <v>27481</v>
      </c>
      <c r="Q42" s="36">
        <f t="shared" si="0"/>
        <v>27481</v>
      </c>
      <c r="R42" s="37">
        <f t="shared" ref="R42" si="13">SUM(S42:AP42)</f>
        <v>0</v>
      </c>
      <c r="S42" s="61"/>
      <c r="T42" s="49"/>
      <c r="U42" s="49"/>
      <c r="V42" s="49"/>
      <c r="W42" s="49"/>
      <c r="X42" s="49"/>
      <c r="Y42" s="49"/>
      <c r="Z42" s="49"/>
      <c r="AA42" s="49"/>
      <c r="AB42" s="49"/>
      <c r="AC42" s="49"/>
      <c r="AD42" s="49"/>
      <c r="AE42" s="49"/>
      <c r="AF42" s="49"/>
      <c r="AG42" s="49"/>
      <c r="AH42" s="49"/>
      <c r="AI42" s="49"/>
      <c r="AJ42" s="49"/>
      <c r="AK42" s="49"/>
      <c r="AL42" s="49"/>
      <c r="AM42" s="49"/>
      <c r="AN42" s="49"/>
      <c r="AO42" s="49"/>
      <c r="AP42" s="37"/>
    </row>
    <row r="43" spans="1:42" s="31" customFormat="1" ht="36" customHeight="1">
      <c r="A43" s="27"/>
      <c r="B43" s="192"/>
      <c r="C43" s="183">
        <v>78</v>
      </c>
      <c r="D43" s="38" t="s">
        <v>71</v>
      </c>
      <c r="E43" s="39" t="s">
        <v>64</v>
      </c>
      <c r="F43" s="122" t="s">
        <v>43</v>
      </c>
      <c r="G43" s="122" t="s">
        <v>44</v>
      </c>
      <c r="H43" s="122" t="s">
        <v>101</v>
      </c>
      <c r="I43" s="122" t="s">
        <v>91</v>
      </c>
      <c r="J43" s="33" t="s">
        <v>49</v>
      </c>
      <c r="K43" s="135">
        <v>34291</v>
      </c>
      <c r="L43" s="16">
        <v>1</v>
      </c>
      <c r="M43" s="24">
        <v>0</v>
      </c>
      <c r="N43" s="25">
        <v>0</v>
      </c>
      <c r="O43" s="34">
        <v>34291</v>
      </c>
      <c r="P43" s="35">
        <v>34291</v>
      </c>
      <c r="Q43" s="48">
        <f t="shared" si="0"/>
        <v>34291</v>
      </c>
      <c r="R43" s="37">
        <f>SUM(S43:AP43)</f>
        <v>0</v>
      </c>
      <c r="S43" s="61"/>
      <c r="T43" s="49"/>
      <c r="U43" s="49"/>
      <c r="V43" s="49"/>
      <c r="W43" s="49"/>
      <c r="X43" s="49"/>
      <c r="Y43" s="49"/>
      <c r="Z43" s="49"/>
      <c r="AA43" s="49"/>
      <c r="AB43" s="49"/>
      <c r="AC43" s="49"/>
      <c r="AD43" s="49"/>
      <c r="AE43" s="49"/>
      <c r="AF43" s="49"/>
      <c r="AG43" s="49"/>
      <c r="AH43" s="49"/>
      <c r="AI43" s="49"/>
      <c r="AJ43" s="49"/>
      <c r="AK43" s="49"/>
      <c r="AL43" s="49"/>
      <c r="AM43" s="49"/>
      <c r="AN43" s="49"/>
      <c r="AO43" s="49"/>
      <c r="AP43" s="37"/>
    </row>
    <row r="44" spans="1:42" s="31" customFormat="1" ht="36" customHeight="1">
      <c r="A44" s="27"/>
      <c r="B44" s="192"/>
      <c r="C44" s="185">
        <v>79</v>
      </c>
      <c r="D44" s="111" t="s">
        <v>95</v>
      </c>
      <c r="E44" s="39" t="s">
        <v>96</v>
      </c>
      <c r="F44" s="122" t="s">
        <v>76</v>
      </c>
      <c r="G44" s="122" t="s">
        <v>76</v>
      </c>
      <c r="H44" s="122" t="s">
        <v>101</v>
      </c>
      <c r="I44" s="122" t="s">
        <v>91</v>
      </c>
      <c r="J44" s="33" t="s">
        <v>49</v>
      </c>
      <c r="K44" s="135">
        <v>20567</v>
      </c>
      <c r="L44" s="16">
        <v>1</v>
      </c>
      <c r="M44" s="24">
        <v>0</v>
      </c>
      <c r="N44" s="25">
        <v>0</v>
      </c>
      <c r="O44" s="74">
        <v>20567</v>
      </c>
      <c r="P44" s="35">
        <v>20567</v>
      </c>
      <c r="Q44" s="48">
        <f t="shared" si="0"/>
        <v>20567</v>
      </c>
      <c r="R44" s="37">
        <f t="shared" ref="R44" si="14">SUM(S44:AP44)</f>
        <v>0</v>
      </c>
      <c r="S44" s="61"/>
      <c r="T44" s="49"/>
      <c r="U44" s="49"/>
      <c r="V44" s="49"/>
      <c r="W44" s="49"/>
      <c r="X44" s="49"/>
      <c r="Y44" s="49"/>
      <c r="Z44" s="49"/>
      <c r="AA44" s="49"/>
      <c r="AB44" s="49"/>
      <c r="AC44" s="49"/>
      <c r="AD44" s="49"/>
      <c r="AE44" s="49"/>
      <c r="AF44" s="49"/>
      <c r="AG44" s="49"/>
      <c r="AH44" s="49"/>
      <c r="AI44" s="49"/>
      <c r="AJ44" s="49"/>
      <c r="AK44" s="49"/>
      <c r="AL44" s="49"/>
      <c r="AM44" s="49"/>
      <c r="AN44" s="49"/>
      <c r="AO44" s="49"/>
      <c r="AP44" s="37"/>
    </row>
    <row r="45" spans="1:42" ht="36" customHeight="1">
      <c r="B45" s="192"/>
      <c r="C45" s="185">
        <v>80</v>
      </c>
      <c r="D45" s="38" t="s">
        <v>72</v>
      </c>
      <c r="E45" s="39" t="s">
        <v>64</v>
      </c>
      <c r="F45" s="122" t="s">
        <v>43</v>
      </c>
      <c r="G45" s="122" t="s">
        <v>44</v>
      </c>
      <c r="H45" s="122" t="s">
        <v>101</v>
      </c>
      <c r="I45" s="122" t="s">
        <v>91</v>
      </c>
      <c r="J45" s="33" t="s">
        <v>49</v>
      </c>
      <c r="K45" s="135">
        <v>147055</v>
      </c>
      <c r="L45" s="16">
        <v>1</v>
      </c>
      <c r="M45" s="24">
        <v>0</v>
      </c>
      <c r="N45" s="25">
        <v>0</v>
      </c>
      <c r="O45" s="74">
        <v>147055</v>
      </c>
      <c r="P45" s="35">
        <v>147055</v>
      </c>
      <c r="Q45" s="48">
        <f t="shared" si="0"/>
        <v>147055</v>
      </c>
      <c r="R45" s="75">
        <f>SUM(S45:AP45)</f>
        <v>0</v>
      </c>
      <c r="S45" s="61"/>
      <c r="T45" s="49"/>
      <c r="U45" s="49"/>
      <c r="V45" s="49"/>
      <c r="W45" s="49"/>
      <c r="X45" s="49"/>
      <c r="Y45" s="49"/>
      <c r="Z45" s="49"/>
      <c r="AA45" s="49"/>
      <c r="AB45" s="49"/>
      <c r="AC45" s="49"/>
      <c r="AD45" s="49"/>
      <c r="AE45" s="49"/>
      <c r="AF45" s="49"/>
      <c r="AG45" s="49"/>
      <c r="AH45" s="49"/>
      <c r="AI45" s="49"/>
      <c r="AJ45" s="49"/>
      <c r="AK45" s="49"/>
      <c r="AL45" s="49"/>
      <c r="AM45" s="49"/>
      <c r="AN45" s="49"/>
      <c r="AO45" s="49"/>
      <c r="AP45" s="37"/>
    </row>
    <row r="46" spans="1:42" ht="36" customHeight="1">
      <c r="B46" s="192"/>
      <c r="C46" s="185">
        <v>81</v>
      </c>
      <c r="D46" s="38" t="s">
        <v>73</v>
      </c>
      <c r="E46" s="39" t="s">
        <v>64</v>
      </c>
      <c r="F46" s="122" t="s">
        <v>43</v>
      </c>
      <c r="G46" s="122" t="s">
        <v>44</v>
      </c>
      <c r="H46" s="122" t="s">
        <v>101</v>
      </c>
      <c r="I46" s="122" t="s">
        <v>91</v>
      </c>
      <c r="J46" s="33" t="s">
        <v>49</v>
      </c>
      <c r="K46" s="135">
        <v>54976</v>
      </c>
      <c r="L46" s="16">
        <v>1</v>
      </c>
      <c r="M46" s="24">
        <v>0</v>
      </c>
      <c r="N46" s="25">
        <v>0</v>
      </c>
      <c r="O46" s="74">
        <v>54976</v>
      </c>
      <c r="P46" s="35">
        <v>54976</v>
      </c>
      <c r="Q46" s="48">
        <f t="shared" si="0"/>
        <v>54976</v>
      </c>
      <c r="R46" s="75">
        <f>SUM(S46:AP46)</f>
        <v>0</v>
      </c>
      <c r="S46" s="61"/>
      <c r="T46" s="49"/>
      <c r="U46" s="49"/>
      <c r="V46" s="49"/>
      <c r="W46" s="49"/>
      <c r="X46" s="49"/>
      <c r="Y46" s="49"/>
      <c r="Z46" s="49"/>
      <c r="AA46" s="49"/>
      <c r="AB46" s="49"/>
      <c r="AC46" s="49"/>
      <c r="AD46" s="49"/>
      <c r="AE46" s="49"/>
      <c r="AF46" s="49"/>
      <c r="AG46" s="49"/>
      <c r="AH46" s="49"/>
      <c r="AI46" s="49"/>
      <c r="AJ46" s="49"/>
      <c r="AK46" s="49"/>
      <c r="AL46" s="49"/>
      <c r="AM46" s="49"/>
      <c r="AN46" s="49"/>
      <c r="AO46" s="49"/>
      <c r="AP46" s="37"/>
    </row>
    <row r="47" spans="1:42" s="31" customFormat="1" ht="36" customHeight="1">
      <c r="A47" s="27"/>
      <c r="B47" s="192"/>
      <c r="C47" s="185">
        <v>82</v>
      </c>
      <c r="D47" s="111" t="s">
        <v>85</v>
      </c>
      <c r="E47" s="39" t="s">
        <v>64</v>
      </c>
      <c r="F47" s="122" t="s">
        <v>43</v>
      </c>
      <c r="G47" s="122" t="s">
        <v>44</v>
      </c>
      <c r="H47" s="122" t="s">
        <v>101</v>
      </c>
      <c r="I47" s="122" t="s">
        <v>91</v>
      </c>
      <c r="J47" s="33" t="s">
        <v>49</v>
      </c>
      <c r="K47" s="135">
        <v>4530</v>
      </c>
      <c r="L47" s="16">
        <v>1</v>
      </c>
      <c r="M47" s="24">
        <v>0</v>
      </c>
      <c r="N47" s="25">
        <v>0</v>
      </c>
      <c r="O47" s="74">
        <v>4530</v>
      </c>
      <c r="P47" s="35">
        <v>4530</v>
      </c>
      <c r="Q47" s="48">
        <f t="shared" si="0"/>
        <v>4530</v>
      </c>
      <c r="R47" s="173">
        <f t="shared" ref="R47" si="15">SUM(S47:AP47)</f>
        <v>0</v>
      </c>
      <c r="S47" s="61"/>
      <c r="T47" s="49"/>
      <c r="U47" s="49"/>
      <c r="V47" s="49"/>
      <c r="W47" s="49"/>
      <c r="X47" s="49"/>
      <c r="Y47" s="49"/>
      <c r="Z47" s="49"/>
      <c r="AA47" s="49"/>
      <c r="AB47" s="49"/>
      <c r="AC47" s="49"/>
      <c r="AD47" s="49"/>
      <c r="AE47" s="49"/>
      <c r="AF47" s="49"/>
      <c r="AG47" s="49"/>
      <c r="AH47" s="49"/>
      <c r="AI47" s="49"/>
      <c r="AJ47" s="49"/>
      <c r="AK47" s="49"/>
      <c r="AL47" s="49"/>
      <c r="AM47" s="49"/>
      <c r="AN47" s="49"/>
      <c r="AO47" s="49"/>
      <c r="AP47" s="37"/>
    </row>
    <row r="48" spans="1:42" ht="36" customHeight="1">
      <c r="B48" s="192"/>
      <c r="C48" s="185">
        <v>83</v>
      </c>
      <c r="D48" s="111" t="s">
        <v>74</v>
      </c>
      <c r="E48" s="39" t="s">
        <v>64</v>
      </c>
      <c r="F48" s="122" t="s">
        <v>75</v>
      </c>
      <c r="G48" s="122" t="s">
        <v>76</v>
      </c>
      <c r="H48" s="122" t="s">
        <v>101</v>
      </c>
      <c r="I48" s="122" t="s">
        <v>91</v>
      </c>
      <c r="J48" s="33" t="s">
        <v>49</v>
      </c>
      <c r="K48" s="135">
        <v>56622</v>
      </c>
      <c r="L48" s="16">
        <v>1</v>
      </c>
      <c r="M48" s="24">
        <v>0</v>
      </c>
      <c r="N48" s="25">
        <v>0</v>
      </c>
      <c r="O48" s="34">
        <v>56622</v>
      </c>
      <c r="P48" s="35">
        <v>56622</v>
      </c>
      <c r="Q48" s="61">
        <f t="shared" si="0"/>
        <v>56622</v>
      </c>
      <c r="R48" s="37">
        <f>SUM(S48:AP48)</f>
        <v>0</v>
      </c>
      <c r="S48" s="61"/>
      <c r="T48" s="49"/>
      <c r="U48" s="49"/>
      <c r="V48" s="49"/>
      <c r="W48" s="49"/>
      <c r="X48" s="49"/>
      <c r="Y48" s="49"/>
      <c r="Z48" s="49"/>
      <c r="AA48" s="49"/>
      <c r="AB48" s="49"/>
      <c r="AC48" s="49"/>
      <c r="AD48" s="49"/>
      <c r="AE48" s="49"/>
      <c r="AF48" s="49"/>
      <c r="AG48" s="49"/>
      <c r="AH48" s="49"/>
      <c r="AI48" s="49"/>
      <c r="AJ48" s="49"/>
      <c r="AK48" s="49"/>
      <c r="AL48" s="49"/>
      <c r="AM48" s="49"/>
      <c r="AN48" s="49"/>
      <c r="AO48" s="49"/>
      <c r="AP48" s="37"/>
    </row>
    <row r="49" spans="2:42" ht="36" customHeight="1">
      <c r="B49" s="192"/>
      <c r="C49" s="185">
        <v>84</v>
      </c>
      <c r="D49" s="111" t="s">
        <v>82</v>
      </c>
      <c r="E49" s="39" t="s">
        <v>64</v>
      </c>
      <c r="F49" s="122" t="s">
        <v>75</v>
      </c>
      <c r="G49" s="122" t="s">
        <v>76</v>
      </c>
      <c r="H49" s="122" t="s">
        <v>101</v>
      </c>
      <c r="I49" s="122" t="s">
        <v>91</v>
      </c>
      <c r="J49" s="33" t="s">
        <v>49</v>
      </c>
      <c r="K49" s="137">
        <v>2865</v>
      </c>
      <c r="L49" s="16">
        <v>1</v>
      </c>
      <c r="M49" s="24">
        <v>0</v>
      </c>
      <c r="N49" s="25">
        <v>0</v>
      </c>
      <c r="O49" s="34">
        <v>2865</v>
      </c>
      <c r="P49" s="35">
        <v>2865</v>
      </c>
      <c r="Q49" s="61">
        <f t="shared" si="0"/>
        <v>2865</v>
      </c>
      <c r="R49" s="37">
        <f t="shared" ref="R49" si="16">SUM(S49:AP49)</f>
        <v>0</v>
      </c>
      <c r="S49" s="61"/>
      <c r="T49" s="49"/>
      <c r="U49" s="49"/>
      <c r="V49" s="49"/>
      <c r="W49" s="49"/>
      <c r="X49" s="49"/>
      <c r="Y49" s="49"/>
      <c r="Z49" s="49"/>
      <c r="AA49" s="49"/>
      <c r="AB49" s="49"/>
      <c r="AC49" s="49"/>
      <c r="AD49" s="49"/>
      <c r="AE49" s="49"/>
      <c r="AF49" s="49"/>
      <c r="AG49" s="49"/>
      <c r="AH49" s="49"/>
      <c r="AI49" s="49"/>
      <c r="AJ49" s="49"/>
      <c r="AK49" s="49"/>
      <c r="AL49" s="49"/>
      <c r="AM49" s="49"/>
      <c r="AN49" s="49"/>
      <c r="AO49" s="49"/>
      <c r="AP49" s="37"/>
    </row>
    <row r="50" spans="2:42" ht="36" customHeight="1">
      <c r="B50" s="192"/>
      <c r="C50" s="185">
        <v>85</v>
      </c>
      <c r="D50" s="111" t="s">
        <v>77</v>
      </c>
      <c r="E50" s="39" t="s">
        <v>64</v>
      </c>
      <c r="F50" s="122" t="s">
        <v>43</v>
      </c>
      <c r="G50" s="122" t="s">
        <v>44</v>
      </c>
      <c r="H50" s="122" t="s">
        <v>101</v>
      </c>
      <c r="I50" s="122" t="s">
        <v>91</v>
      </c>
      <c r="J50" s="33" t="s">
        <v>49</v>
      </c>
      <c r="K50" s="137">
        <v>94447</v>
      </c>
      <c r="L50" s="16">
        <v>1</v>
      </c>
      <c r="M50" s="24">
        <v>0</v>
      </c>
      <c r="N50" s="25">
        <v>0</v>
      </c>
      <c r="O50" s="34">
        <v>94447</v>
      </c>
      <c r="P50" s="35">
        <v>94447</v>
      </c>
      <c r="Q50" s="61">
        <f t="shared" si="0"/>
        <v>94447</v>
      </c>
      <c r="R50" s="37">
        <f t="shared" ref="R50" si="17">SUM(S50:AP50)</f>
        <v>0</v>
      </c>
      <c r="S50" s="61"/>
      <c r="T50" s="49"/>
      <c r="U50" s="49"/>
      <c r="V50" s="49"/>
      <c r="W50" s="49"/>
      <c r="X50" s="49"/>
      <c r="Y50" s="49"/>
      <c r="Z50" s="49"/>
      <c r="AA50" s="49"/>
      <c r="AB50" s="49"/>
      <c r="AC50" s="49"/>
      <c r="AD50" s="49"/>
      <c r="AE50" s="49"/>
      <c r="AF50" s="49"/>
      <c r="AG50" s="49"/>
      <c r="AH50" s="49"/>
      <c r="AI50" s="49"/>
      <c r="AJ50" s="49"/>
      <c r="AK50" s="49"/>
      <c r="AL50" s="49"/>
      <c r="AM50" s="49"/>
      <c r="AN50" s="49"/>
      <c r="AO50" s="49"/>
      <c r="AP50" s="37"/>
    </row>
    <row r="51" spans="2:42" ht="36" customHeight="1">
      <c r="B51" s="192"/>
      <c r="C51" s="183">
        <v>86</v>
      </c>
      <c r="D51" s="38" t="s">
        <v>78</v>
      </c>
      <c r="E51" s="39" t="s">
        <v>64</v>
      </c>
      <c r="F51" s="122" t="s">
        <v>43</v>
      </c>
      <c r="G51" s="122" t="s">
        <v>44</v>
      </c>
      <c r="H51" s="122" t="s">
        <v>101</v>
      </c>
      <c r="I51" s="122" t="s">
        <v>91</v>
      </c>
      <c r="J51" s="33" t="s">
        <v>49</v>
      </c>
      <c r="K51" s="135">
        <v>3603</v>
      </c>
      <c r="L51" s="16">
        <v>1</v>
      </c>
      <c r="M51" s="24">
        <v>0</v>
      </c>
      <c r="N51" s="25">
        <v>0</v>
      </c>
      <c r="O51" s="34">
        <v>3603</v>
      </c>
      <c r="P51" s="35">
        <v>3603</v>
      </c>
      <c r="Q51" s="48">
        <f t="shared" si="0"/>
        <v>3603</v>
      </c>
      <c r="R51" s="37">
        <f t="shared" ref="R51" si="18">SUM(S51:AP51)</f>
        <v>0</v>
      </c>
      <c r="S51" s="61"/>
      <c r="T51" s="49"/>
      <c r="U51" s="49"/>
      <c r="V51" s="49"/>
      <c r="W51" s="49"/>
      <c r="X51" s="49"/>
      <c r="Y51" s="49"/>
      <c r="Z51" s="49"/>
      <c r="AA51" s="49"/>
      <c r="AB51" s="49"/>
      <c r="AC51" s="49"/>
      <c r="AD51" s="49"/>
      <c r="AE51" s="49"/>
      <c r="AF51" s="49"/>
      <c r="AG51" s="49"/>
      <c r="AH51" s="49"/>
      <c r="AI51" s="49"/>
      <c r="AJ51" s="49"/>
      <c r="AK51" s="49"/>
      <c r="AL51" s="49"/>
      <c r="AM51" s="49"/>
      <c r="AN51" s="49"/>
      <c r="AO51" s="49"/>
      <c r="AP51" s="37"/>
    </row>
    <row r="52" spans="2:42" ht="36" customHeight="1">
      <c r="B52" s="192"/>
      <c r="C52" s="185">
        <v>88</v>
      </c>
      <c r="D52" s="111" t="s">
        <v>79</v>
      </c>
      <c r="E52" s="122" t="s">
        <v>93</v>
      </c>
      <c r="F52" s="122" t="s">
        <v>43</v>
      </c>
      <c r="G52" s="122" t="s">
        <v>44</v>
      </c>
      <c r="H52" s="122" t="s">
        <v>101</v>
      </c>
      <c r="I52" s="122" t="s">
        <v>91</v>
      </c>
      <c r="J52" s="33" t="s">
        <v>49</v>
      </c>
      <c r="K52" s="135">
        <v>226984</v>
      </c>
      <c r="L52" s="16">
        <v>1</v>
      </c>
      <c r="M52" s="24">
        <v>0</v>
      </c>
      <c r="N52" s="25">
        <v>0</v>
      </c>
      <c r="O52" s="34">
        <v>226984</v>
      </c>
      <c r="P52" s="35">
        <v>226984</v>
      </c>
      <c r="Q52" s="48">
        <f t="shared" si="0"/>
        <v>226984</v>
      </c>
      <c r="R52" s="47">
        <f>SUM(S52:AP52)</f>
        <v>0</v>
      </c>
      <c r="S52" s="48"/>
      <c r="T52" s="49"/>
      <c r="U52" s="49"/>
      <c r="V52" s="49"/>
      <c r="W52" s="49"/>
      <c r="X52" s="49"/>
      <c r="Y52" s="49"/>
      <c r="Z52" s="49"/>
      <c r="AA52" s="49"/>
      <c r="AB52" s="49"/>
      <c r="AC52" s="49"/>
      <c r="AD52" s="49"/>
      <c r="AE52" s="49"/>
      <c r="AF52" s="49"/>
      <c r="AG52" s="49"/>
      <c r="AH52" s="49"/>
      <c r="AI52" s="49"/>
      <c r="AJ52" s="49"/>
      <c r="AK52" s="49"/>
      <c r="AL52" s="49"/>
      <c r="AM52" s="49"/>
      <c r="AN52" s="49"/>
      <c r="AO52" s="49"/>
      <c r="AP52" s="37"/>
    </row>
    <row r="53" spans="2:42" ht="36" customHeight="1" thickBot="1">
      <c r="B53" s="192"/>
      <c r="C53" s="190">
        <v>89</v>
      </c>
      <c r="D53" s="116" t="s">
        <v>80</v>
      </c>
      <c r="E53" s="118" t="s">
        <v>93</v>
      </c>
      <c r="F53" s="118" t="s">
        <v>43</v>
      </c>
      <c r="G53" s="118" t="s">
        <v>44</v>
      </c>
      <c r="H53" s="118" t="s">
        <v>101</v>
      </c>
      <c r="I53" s="118" t="s">
        <v>91</v>
      </c>
      <c r="J53" s="95" t="s">
        <v>49</v>
      </c>
      <c r="K53" s="132">
        <v>98043</v>
      </c>
      <c r="L53" s="96">
        <v>1</v>
      </c>
      <c r="M53" s="94">
        <v>0</v>
      </c>
      <c r="N53" s="32">
        <v>0</v>
      </c>
      <c r="O53" s="93">
        <v>98043</v>
      </c>
      <c r="P53" s="92">
        <v>98043</v>
      </c>
      <c r="Q53" s="91">
        <f t="shared" si="0"/>
        <v>98043</v>
      </c>
      <c r="R53" s="104">
        <f>SUM(S53:AP53)</f>
        <v>0</v>
      </c>
      <c r="S53" s="91"/>
      <c r="T53" s="90"/>
      <c r="U53" s="90"/>
      <c r="V53" s="90"/>
      <c r="W53" s="90"/>
      <c r="X53" s="90"/>
      <c r="Y53" s="90"/>
      <c r="Z53" s="90"/>
      <c r="AA53" s="90"/>
      <c r="AB53" s="90"/>
      <c r="AC53" s="90"/>
      <c r="AD53" s="90"/>
      <c r="AE53" s="90"/>
      <c r="AF53" s="90"/>
      <c r="AG53" s="90"/>
      <c r="AH53" s="90"/>
      <c r="AI53" s="90"/>
      <c r="AJ53" s="90"/>
      <c r="AK53" s="90"/>
      <c r="AL53" s="90"/>
      <c r="AM53" s="90"/>
      <c r="AN53" s="90"/>
      <c r="AO53" s="90"/>
      <c r="AP53" s="89"/>
    </row>
    <row r="54" spans="2:42" ht="18" customHeight="1">
      <c r="O54" s="5"/>
    </row>
  </sheetData>
  <autoFilter ref="B5:AP53" xr:uid="{00000000-0009-0000-0000-000000000000}"/>
  <mergeCells count="17">
    <mergeCell ref="C4:C5"/>
    <mergeCell ref="M4:M5"/>
    <mergeCell ref="N4:N5"/>
    <mergeCell ref="O4:O5"/>
    <mergeCell ref="P4:P5"/>
    <mergeCell ref="AO1:AP1"/>
    <mergeCell ref="AL3:AN3"/>
    <mergeCell ref="D4:D5"/>
    <mergeCell ref="E4:E5"/>
    <mergeCell ref="F4:F5"/>
    <mergeCell ref="G4:G5"/>
    <mergeCell ref="H4:H5"/>
    <mergeCell ref="I4:I5"/>
    <mergeCell ref="J4:J5"/>
    <mergeCell ref="L4:L5"/>
    <mergeCell ref="Q4:R4"/>
    <mergeCell ref="S4:AP4"/>
  </mergeCells>
  <phoneticPr fontId="59"/>
  <printOptions horizontalCentered="1"/>
  <pageMargins left="0.51181102362204722" right="0.51181102362204722" top="0.55118110236220474" bottom="0.55118110236220474" header="0.31496062992125984" footer="0.31496062992125984"/>
  <pageSetup paperSize="8" scale="76" fitToHeight="0" pageOrder="overThenDown" orientation="landscape" cellComments="asDisplayed" r:id="rId1"/>
  <headerFooter>
    <oddFooter>&amp;C&amp;P/&amp;N</oddFooter>
  </headerFooter>
  <rowBreaks count="1" manualBreakCount="1">
    <brk id="32" max="16383" man="1"/>
  </rowBreaks>
  <legacy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2</vt:i4>
      </vt:variant>
    </vt:vector>
  </HeadingPairs>
  <TitlesOfParts>
    <vt:vector size="3" baseType="lpstr">
      <vt:lpstr>R8年度　配分額算定表</vt:lpstr>
      <vt:lpstr>'R8年度　配分額算定表'!Print_Area</vt:lpstr>
      <vt:lpstr>'R8年度　配分額算定表'!Print_Titles</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
  <cp:lastModifiedBy/>
  <dcterms:created xsi:type="dcterms:W3CDTF">2026-05-01T02:18:37Z</dcterms:created>
  <dcterms:modified xsi:type="dcterms:W3CDTF">2026-05-01T02:18:42Z</dcterms:modified>
</cp:coreProperties>
</file>